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0\02. Oddelenie VO\01. Prebiehajúce\03. Lenka\2019 - 323. Polyetylén vrecia, sáčky\02. Príprava\02. Opis\"/>
    </mc:Choice>
  </mc:AlternateContent>
  <bookViews>
    <workbookView xWindow="0" yWindow="0" windowWidth="23040" windowHeight="9195"/>
  </bookViews>
  <sheets>
    <sheet name="Cenová ponuka" sheetId="8" r:id="rId1"/>
    <sheet name="Príloha č. 1" sheetId="9" r:id="rId2"/>
  </sheets>
  <definedNames>
    <definedName name="_xlnm.Print_Area" localSheetId="0">'Cenová ponuka'!$A$1:$E$22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8" i="9" l="1"/>
  <c r="I10" i="9" l="1"/>
  <c r="I9" i="9"/>
  <c r="I11" i="9"/>
  <c r="I12" i="9"/>
  <c r="I13" i="9"/>
  <c r="I14" i="9"/>
  <c r="I15" i="9"/>
  <c r="I16" i="9"/>
  <c r="I17" i="9"/>
  <c r="I18" i="9"/>
  <c r="I19" i="9"/>
  <c r="I20" i="9"/>
  <c r="I21" i="9"/>
  <c r="I22" i="9"/>
</calcChain>
</file>

<file path=xl/sharedStrings.xml><?xml version="1.0" encoding="utf-8"?>
<sst xmlns="http://schemas.openxmlformats.org/spreadsheetml/2006/main" count="469" uniqueCount="33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r>
      <t xml:space="preserve">Príloha č. 1 - </t>
    </r>
    <r>
      <rPr>
        <sz val="10"/>
        <color theme="1"/>
        <rFont val="Arial"/>
        <family val="2"/>
        <charset val="238"/>
      </rPr>
      <t>Kalkulácia ceny a návrh na plnenie kritéria na vyhodnotenie ponúk - Štruktúrovaný rozpočet ceny predmetu zákazky</t>
    </r>
  </si>
  <si>
    <t>Názov predmetu zákazky:</t>
  </si>
  <si>
    <t>Por. č.</t>
  </si>
  <si>
    <t>Merná jednotka
(MJ)</t>
  </si>
  <si>
    <t>Obchodný názov ponúkaného tovaru</t>
  </si>
  <si>
    <t>Názov výrobcu ponúkaného tovaru</t>
  </si>
  <si>
    <t>Katalógové číslo</t>
  </si>
  <si>
    <t>Sadzba DPH
v %</t>
  </si>
  <si>
    <t>Výška DPH
v EUR</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1.</t>
  </si>
  <si>
    <t>Dodávka polyetylénových vriec, sáčkov, tašiek a vreciek</t>
  </si>
  <si>
    <t xml:space="preserve">19640000-4 - Polyetylénový odpad a odpadkové vrecká a vaky
18930000-7 - Vrecia a vaky
</t>
  </si>
  <si>
    <t xml:space="preserve">Vrecia a sáčky slúžiace na zber rôzneho druhu odpadu. </t>
  </si>
  <si>
    <t>Položka č. 2</t>
  </si>
  <si>
    <t>Položka č. 3</t>
  </si>
  <si>
    <t>Položka č. 4</t>
  </si>
  <si>
    <t>Položka č. 5</t>
  </si>
  <si>
    <t>Položka č. 6</t>
  </si>
  <si>
    <t>Položka č. 7</t>
  </si>
  <si>
    <t>Položka č. 8</t>
  </si>
  <si>
    <t>Položka č. 9</t>
  </si>
  <si>
    <t>Položka č. 10</t>
  </si>
  <si>
    <t>Položka č. 11</t>
  </si>
  <si>
    <t>Vrecia na odpad oranžové</t>
  </si>
  <si>
    <t>Vrecia na odpad čierne</t>
  </si>
  <si>
    <t>Priesvitné potravinové vrecia</t>
  </si>
  <si>
    <t>Vrecia zaťahovacie 120 litrové</t>
  </si>
  <si>
    <t>Vrecia zaťahovacie 160 litrové</t>
  </si>
  <si>
    <t>Sáčky do koša 20 litrové</t>
  </si>
  <si>
    <t>Sáčky do koša 35 litrové</t>
  </si>
  <si>
    <t>Sáčky do koša 60 litrové</t>
  </si>
  <si>
    <t>Vrecká s rýchlouzáverom 100 x 150 mm</t>
  </si>
  <si>
    <t>Vrecká s rýchlouzáverom 70 x 100 mm</t>
  </si>
  <si>
    <t>10.</t>
  </si>
  <si>
    <t>Položka č. 1 - Vrecia na odpad oranžové</t>
  </si>
  <si>
    <t>Položka č. 2 - Vrecia na odpad čierne</t>
  </si>
  <si>
    <t>šírka 700 mm</t>
  </si>
  <si>
    <t>výška 1100 mm</t>
  </si>
  <si>
    <t>hrúbka min. 0,15 mm</t>
  </si>
  <si>
    <t>min. hmotnosť vreca 190 g</t>
  </si>
  <si>
    <t>LDPE technický regranulát bez zápachu</t>
  </si>
  <si>
    <t>min. nosnosť vreca 50 kg</t>
  </si>
  <si>
    <t>farba oranžová, nepriesvitná a nepriehľadná</t>
  </si>
  <si>
    <t>1.1</t>
  </si>
  <si>
    <t>1.2</t>
  </si>
  <si>
    <t>1.3</t>
  </si>
  <si>
    <t>1.4</t>
  </si>
  <si>
    <t>1.5</t>
  </si>
  <si>
    <t>1.6</t>
  </si>
  <si>
    <t>1.7</t>
  </si>
  <si>
    <t>1.8</t>
  </si>
  <si>
    <t>farba čierna, nepriesvitná a nepriehľadná</t>
  </si>
  <si>
    <t>2.1</t>
  </si>
  <si>
    <t>2.2</t>
  </si>
  <si>
    <t>2.3</t>
  </si>
  <si>
    <t>2.4</t>
  </si>
  <si>
    <t>2.5</t>
  </si>
  <si>
    <t>2.6</t>
  </si>
  <si>
    <t>2.7</t>
  </si>
  <si>
    <t>2.8</t>
  </si>
  <si>
    <t>Položka č. 3 - Priesvitné potravinové vrecia</t>
  </si>
  <si>
    <t>šírka 550 mm</t>
  </si>
  <si>
    <t>hrúbka min. 0,13 mm</t>
  </si>
  <si>
    <t>min. hmotnosť vreca 140 g</t>
  </si>
  <si>
    <t>materiál LDPE primárny v potravinárskej kvalite</t>
  </si>
  <si>
    <t>bezfarebné, priehľadné</t>
  </si>
  <si>
    <t>3.1</t>
  </si>
  <si>
    <t>3.2</t>
  </si>
  <si>
    <t>3.3</t>
  </si>
  <si>
    <t>3.4</t>
  </si>
  <si>
    <t>3.5</t>
  </si>
  <si>
    <t>3.6</t>
  </si>
  <si>
    <t>3.7</t>
  </si>
  <si>
    <t>3.8</t>
  </si>
  <si>
    <t>Položka č. 4 - Vrecia zaťahovacie 120 litrové</t>
  </si>
  <si>
    <t>výška 1000 mm + 50 mm na pásku</t>
  </si>
  <si>
    <t>hrúbka min. 0,06 mm</t>
  </si>
  <si>
    <t>LDPE technický regranulát</t>
  </si>
  <si>
    <t>vrecia musia obsahovať zaťahovaciu pásku pre pohodlnú manipuláciu a uzavretie</t>
  </si>
  <si>
    <t>farba modrá, nepriehľadná</t>
  </si>
  <si>
    <t>4.1</t>
  </si>
  <si>
    <t>4.2</t>
  </si>
  <si>
    <t>4.3</t>
  </si>
  <si>
    <t>4.4</t>
  </si>
  <si>
    <t>4.5</t>
  </si>
  <si>
    <t>4.6</t>
  </si>
  <si>
    <t>4.7</t>
  </si>
  <si>
    <t>Položka č. 5 - Vrecia zaťahovacie 160 litrové</t>
  </si>
  <si>
    <t>šírka 880 mm</t>
  </si>
  <si>
    <t>výška 1100 mm + 50 mm na pásku</t>
  </si>
  <si>
    <t>Položka č. 6 - Sáčky do koša 20 litrové</t>
  </si>
  <si>
    <t>šírka 500 mm</t>
  </si>
  <si>
    <t xml:space="preserve">výška 600 mm </t>
  </si>
  <si>
    <t>hrúbka min. 0,007 mm</t>
  </si>
  <si>
    <t>materiál HDPE</t>
  </si>
  <si>
    <t>farba čierna</t>
  </si>
  <si>
    <t>6.4</t>
  </si>
  <si>
    <t>6.5</t>
  </si>
  <si>
    <t>6.6</t>
  </si>
  <si>
    <t>Položka č. 7 - Sáčky do koša 35 litrové</t>
  </si>
  <si>
    <t>hrúbka min. 0,023 mm</t>
  </si>
  <si>
    <t>materiál LDPE</t>
  </si>
  <si>
    <t>7.1</t>
  </si>
  <si>
    <t>7.2</t>
  </si>
  <si>
    <t>7.3</t>
  </si>
  <si>
    <t>7.4</t>
  </si>
  <si>
    <t>7.5</t>
  </si>
  <si>
    <t>7.6</t>
  </si>
  <si>
    <t>Položka č. 8 - Sáčky do koša 60 litrové</t>
  </si>
  <si>
    <t>šírka 600 mm</t>
  </si>
  <si>
    <t xml:space="preserve">výška 700 mm </t>
  </si>
  <si>
    <t>hrúbka min. 0,025 mm</t>
  </si>
  <si>
    <t>8.1</t>
  </si>
  <si>
    <t>8.2</t>
  </si>
  <si>
    <t>8.3</t>
  </si>
  <si>
    <t>8.4</t>
  </si>
  <si>
    <t>8.5</t>
  </si>
  <si>
    <t>8.6</t>
  </si>
  <si>
    <t xml:space="preserve">výška 470 mm </t>
  </si>
  <si>
    <t>hrúbka min. 0,012 mm</t>
  </si>
  <si>
    <t>min. nosnosť tašky 5 kg</t>
  </si>
  <si>
    <t>bezfarebná, priehľadná resp. biela</t>
  </si>
  <si>
    <t>9.1</t>
  </si>
  <si>
    <t>9.2</t>
  </si>
  <si>
    <t>9.3</t>
  </si>
  <si>
    <t>9.4</t>
  </si>
  <si>
    <t>9.5</t>
  </si>
  <si>
    <t>9.6</t>
  </si>
  <si>
    <t>9.7</t>
  </si>
  <si>
    <t>šírka 70 mm</t>
  </si>
  <si>
    <t xml:space="preserve">výška 100 mm </t>
  </si>
  <si>
    <t>hrúbka min. 0,04 mm</t>
  </si>
  <si>
    <t>bezfarebné, priesvinté</t>
  </si>
  <si>
    <t>uzatváranie rýchlouzáverom</t>
  </si>
  <si>
    <t>10.1</t>
  </si>
  <si>
    <t>10.2</t>
  </si>
  <si>
    <t>10.3</t>
  </si>
  <si>
    <t>10.4</t>
  </si>
  <si>
    <t>10.5</t>
  </si>
  <si>
    <t>10.6</t>
  </si>
  <si>
    <t>10.7</t>
  </si>
  <si>
    <t>šírka 100 mm</t>
  </si>
  <si>
    <t xml:space="preserve">výška 150 mm </t>
  </si>
  <si>
    <t>11.1</t>
  </si>
  <si>
    <t>11.2</t>
  </si>
  <si>
    <t>11.3</t>
  </si>
  <si>
    <t>11.4</t>
  </si>
  <si>
    <t>11.5</t>
  </si>
  <si>
    <t>11.6</t>
  </si>
  <si>
    <t>11.7</t>
  </si>
  <si>
    <t xml:space="preserve">Rámcová dohoda sa uzatvára na dohodnuté zmluvné obdobie, resp. do doby naplnenia zmluvného finančného objemu podľa toho, ktorá z uvedených skutočností nastane skôr.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Požaduje sa dodanie tovaru:</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60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tejto rámcovej dohody.</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Dodávateľ je povinný bezodkladne, najneskôr však do 5 pracovných dní od preukázania skutočnosti uvedenej v predchádzajúcej vete, doručiť objednávateľovi dodatok, predmetom ktorého bude upravená cena zistená podľa bodu 10. tejto rámcovej dohody.</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12.</t>
  </si>
  <si>
    <t>13.</t>
  </si>
  <si>
    <t>Požaduje sa, aby dodávateľ v čase predloženia ponuky a zároveň počas trvania zmluvy bol oprávnený na poskytnutie plnenia predmetu zákazky.</t>
  </si>
  <si>
    <t>1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 48 hodín od doručenia písomnej objednávky dodávateľovi,</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mena názvu tovaru a pod.).</t>
  </si>
  <si>
    <t>Požaduje sa možnosť uplatnenia si náhrady škody u dodávateľa vo výške vzniknutých finančných nákladov a/alebo možnosť vrátenia nespotrebovanej časti tovaru v prípade nedodržania požiadaviek uvedených v bodoch 7. - 11. tejto časti rámcovej dohody.</t>
  </si>
  <si>
    <r>
      <rPr>
        <b/>
        <sz val="10"/>
        <color theme="1"/>
        <rFont val="Arial"/>
        <family val="2"/>
        <charset val="238"/>
      </rPr>
      <t>Funkčné vzorky</t>
    </r>
    <r>
      <rPr>
        <sz val="10"/>
        <color theme="1"/>
        <rFont val="Arial"/>
        <family val="2"/>
        <charset val="238"/>
      </rPr>
      <t xml:space="preserve"> v počte minimálne 1 ks, t.j. 1 ks pre každú položku, ktorú uvedie objednávateľ vo Výzve na predloženie vzoriek. Dodávateľ predkladá vzorky </t>
    </r>
    <r>
      <rPr>
        <b/>
        <sz val="10"/>
        <color theme="1"/>
        <rFont val="Arial"/>
        <family val="2"/>
        <charset val="238"/>
      </rPr>
      <t>až na základe e-mailovej výzvy objednávateľa</t>
    </r>
    <r>
      <rPr>
        <sz val="10"/>
        <color theme="1"/>
        <rFont val="Arial"/>
        <family val="2"/>
        <charset val="238"/>
      </rPr>
      <t xml:space="preserve">. Objednávateľ si v rámci kontroly splnenia osobitných požiadaviek vyhradzuje právo vyžiadať doručenie vzoriek za účelom ich testovania v plnej prevádzke objednávateľa. Požaduje sa viditeľná identifikácia každej vzorky: „Vzorka – X, Y“ (kde „X" je poradové číslo položky a "Y" je názov ponúkaného produktu). </t>
    </r>
  </si>
  <si>
    <t>Jednotková cena
v EUR
s DPH
za ponúkanú veľkosť balenia</t>
  </si>
  <si>
    <t>Požadovaný počet ks spolu</t>
  </si>
  <si>
    <t>* Jednotková cena
v EUR
bez DPH 
za ponúkanú veľkosť balenia</t>
  </si>
  <si>
    <t xml:space="preserve">výška 450 mm </t>
  </si>
  <si>
    <t>Položka č. 10 - Taška mikroténová typ č.2</t>
  </si>
  <si>
    <t>hrúbka min. 0,009 mm</t>
  </si>
  <si>
    <t>min. nosnosť tašky 4 kg</t>
  </si>
  <si>
    <t>farba biela</t>
  </si>
  <si>
    <t xml:space="preserve">výška 520 mm </t>
  </si>
  <si>
    <t>hrúbka min. 0,010 mm</t>
  </si>
  <si>
    <t>min. nosnosť tašky 10 kg</t>
  </si>
  <si>
    <t>farba: rôzne farby</t>
  </si>
  <si>
    <t>Položka č. 12 - Taška mikroténová JUMBO</t>
  </si>
  <si>
    <t>šírka 330 mm</t>
  </si>
  <si>
    <t xml:space="preserve">výška 680 mm </t>
  </si>
  <si>
    <t>hrúbka min. 0,014 mm</t>
  </si>
  <si>
    <t>farba: biela</t>
  </si>
  <si>
    <t>min.nosnosť tašky 15 kg</t>
  </si>
  <si>
    <t>Položka č. 13 - Taška igelitová s výsekom</t>
  </si>
  <si>
    <t>šírka 260 mm</t>
  </si>
  <si>
    <t xml:space="preserve">výška 360 mm </t>
  </si>
  <si>
    <t>nepotlačená ionizovaná taška so spevneným výsekom</t>
  </si>
  <si>
    <t xml:space="preserve">požaduje sa balenie ks </t>
  </si>
  <si>
    <t>Položka č. 14 - Vrecká s rýchlouzáverom 70 x 100 mm</t>
  </si>
  <si>
    <t>Položka č. 15 - Vrecká s rýchlouzáverom 100 x 150 mm</t>
  </si>
  <si>
    <t>12.1</t>
  </si>
  <si>
    <t>12.2</t>
  </si>
  <si>
    <t>12.3</t>
  </si>
  <si>
    <t>12.4</t>
  </si>
  <si>
    <t>12.5</t>
  </si>
  <si>
    <t>12.6</t>
  </si>
  <si>
    <t>12.7</t>
  </si>
  <si>
    <t>13.1</t>
  </si>
  <si>
    <t>13.2</t>
  </si>
  <si>
    <t>13.3</t>
  </si>
  <si>
    <t>13.4</t>
  </si>
  <si>
    <t>13.5</t>
  </si>
  <si>
    <t>13.6</t>
  </si>
  <si>
    <t>13.7</t>
  </si>
  <si>
    <t>14.1</t>
  </si>
  <si>
    <t>14.2</t>
  </si>
  <si>
    <t>14.3</t>
  </si>
  <si>
    <t>14.4</t>
  </si>
  <si>
    <t>14.5</t>
  </si>
  <si>
    <t>14.6</t>
  </si>
  <si>
    <t>14.7</t>
  </si>
  <si>
    <t>15.1</t>
  </si>
  <si>
    <t>15.2</t>
  </si>
  <si>
    <t>15.3</t>
  </si>
  <si>
    <t>15.4</t>
  </si>
  <si>
    <t>15.5</t>
  </si>
  <si>
    <t>15.6</t>
  </si>
  <si>
    <t>15.7</t>
  </si>
  <si>
    <t>Položka č. 12</t>
  </si>
  <si>
    <t>Položka č. 13</t>
  </si>
  <si>
    <t>Položka č. 14</t>
  </si>
  <si>
    <t>Položka č. 15</t>
  </si>
  <si>
    <t>Taška mikroténová JUMBO</t>
  </si>
  <si>
    <t>Taška igelitová s výsekom</t>
  </si>
  <si>
    <t>10</t>
  </si>
  <si>
    <t>11</t>
  </si>
  <si>
    <t>12</t>
  </si>
  <si>
    <t>Taška mikroténová typ č.1</t>
  </si>
  <si>
    <t>Taška mikroténová typ č.2</t>
  </si>
  <si>
    <t>Taška mikroténová typ č.3</t>
  </si>
  <si>
    <t>požaduje sa balenie po 10 ks</t>
  </si>
  <si>
    <t>5.1</t>
  </si>
  <si>
    <t>5.2</t>
  </si>
  <si>
    <t>5.3</t>
  </si>
  <si>
    <t>5.4</t>
  </si>
  <si>
    <t>5.5</t>
  </si>
  <si>
    <t>5.6</t>
  </si>
  <si>
    <t>5.7</t>
  </si>
  <si>
    <t>13.8</t>
  </si>
  <si>
    <t>šírka 300 mm</t>
  </si>
  <si>
    <t>Položka č. 11 - Taška mikroténová typ č.3</t>
  </si>
  <si>
    <t>šírka 240 mm</t>
  </si>
  <si>
    <t>Položka č. 9 - Taška mikroténová typ č.1</t>
  </si>
  <si>
    <t>šírka 250 mm</t>
  </si>
  <si>
    <r>
      <t>Taška mikroténová typ č.2</t>
    </r>
    <r>
      <rPr>
        <sz val="11"/>
        <color theme="1"/>
        <rFont val="Calibri"/>
        <family val="2"/>
        <charset val="238"/>
        <scheme val="minor"/>
      </rPr>
      <t/>
    </r>
  </si>
  <si>
    <r>
      <t>Taška mikroténová typ č.3</t>
    </r>
    <r>
      <rPr>
        <sz val="11"/>
        <color theme="1"/>
        <rFont val="Calibri"/>
        <family val="2"/>
        <charset val="238"/>
        <scheme val="minor"/>
      </rPr>
      <t/>
    </r>
  </si>
  <si>
    <t>* Ponúkaný 
počet balení</t>
  </si>
  <si>
    <t>veľkosť balenia: hodnotu doplní uchádzač do vedľajšieho stĺpca (excel stĺpec "C")</t>
  </si>
  <si>
    <t>* Ponúkaný počet kusov
v balení</t>
  </si>
  <si>
    <t>* Prepočet  ponúkaných počtov kusov spolu</t>
  </si>
  <si>
    <t>15.</t>
  </si>
  <si>
    <r>
      <t>*  
Stĺpec s názvom "</t>
    </r>
    <r>
      <rPr>
        <b/>
        <i/>
        <sz val="9"/>
        <color theme="1"/>
        <rFont val="Arial"/>
        <family val="2"/>
        <charset val="238"/>
      </rPr>
      <t>Ponúkaný počet kusov v balení</t>
    </r>
    <r>
      <rPr>
        <sz val="9"/>
        <color theme="1"/>
        <rFont val="Arial"/>
        <family val="2"/>
        <charset val="238"/>
      </rPr>
      <t>"  - dodávateľ uvedie počet ks vreca/ sáčku/ tašky/ vrecka v 1 balení.
Stĺpec s názvom "</t>
    </r>
    <r>
      <rPr>
        <b/>
        <i/>
        <sz val="9"/>
        <color theme="1"/>
        <rFont val="Arial"/>
        <family val="2"/>
        <charset val="238"/>
      </rPr>
      <t>Ponúkaný počet balení</t>
    </r>
    <r>
      <rPr>
        <sz val="9"/>
        <color theme="1"/>
        <rFont val="Arial"/>
        <family val="2"/>
        <charset val="238"/>
      </rPr>
      <t>"  - dodávateľ uvedie počet ponúkaných balení (MJ) podľa požadovaného počtu kusov t.j. predelí hodnotu uvedenú v stĺpci s názvom "</t>
    </r>
    <r>
      <rPr>
        <i/>
        <sz val="9"/>
        <color theme="1"/>
        <rFont val="Arial"/>
        <family val="2"/>
        <charset val="238"/>
      </rPr>
      <t>Požadovaný počet ks spolu</t>
    </r>
    <r>
      <rPr>
        <sz val="9"/>
        <color theme="1"/>
        <rFont val="Arial"/>
        <family val="2"/>
        <charset val="238"/>
      </rPr>
      <t>" s hodnotou uvedenou v stĺpci s názvom "</t>
    </r>
    <r>
      <rPr>
        <i/>
        <sz val="9"/>
        <color theme="1"/>
        <rFont val="Arial"/>
        <family val="2"/>
        <charset val="238"/>
      </rPr>
      <t>Ponúkaný počet kusov v balení</t>
    </r>
    <r>
      <rPr>
        <sz val="9"/>
        <color theme="1"/>
        <rFont val="Arial"/>
        <family val="2"/>
        <charset val="238"/>
      </rPr>
      <t>"
Stĺpec s názvom *</t>
    </r>
    <r>
      <rPr>
        <b/>
        <i/>
        <sz val="9"/>
        <color theme="1"/>
        <rFont val="Arial"/>
        <family val="2"/>
        <charset val="238"/>
      </rPr>
      <t xml:space="preserve">Prepočet ponúkaných počtov kusov spolu </t>
    </r>
    <r>
      <rPr>
        <sz val="9"/>
        <color theme="1"/>
        <rFont val="Arial"/>
        <family val="2"/>
        <charset val="238"/>
      </rPr>
      <t>- dodávateľ uvedie ponúkaný počet kusov spolu t.j. prenásobí hodnotu uvednú v stĺpci s názvom "</t>
    </r>
    <r>
      <rPr>
        <i/>
        <sz val="9"/>
        <color theme="1"/>
        <rFont val="Arial"/>
        <family val="2"/>
        <charset val="238"/>
      </rPr>
      <t>Ponúkaný počet kusov v balení</t>
    </r>
    <r>
      <rPr>
        <sz val="9"/>
        <color theme="1"/>
        <rFont val="Arial"/>
        <family val="2"/>
        <charset val="238"/>
      </rPr>
      <t>" s hodnotou uvedenou v stĺpci s názvom "</t>
    </r>
    <r>
      <rPr>
        <i/>
        <sz val="9"/>
        <color theme="1"/>
        <rFont val="Arial"/>
        <family val="2"/>
        <charset val="238"/>
      </rPr>
      <t>Ponúkaný počet balení</t>
    </r>
    <r>
      <rPr>
        <sz val="9"/>
        <color theme="1"/>
        <rFont val="Arial"/>
        <family val="2"/>
        <charset val="238"/>
      </rPr>
      <t>", pričom tento počet sa musí čo najviac priblížiť hodnote uvedenej v stĺpci s názvom "</t>
    </r>
    <r>
      <rPr>
        <i/>
        <sz val="9"/>
        <color theme="1"/>
        <rFont val="Arial"/>
        <family val="2"/>
        <charset val="238"/>
      </rPr>
      <t>Požadovaný počet kusov spolu</t>
    </r>
    <r>
      <rPr>
        <sz val="9"/>
        <color theme="1"/>
        <rFont val="Arial"/>
        <family val="2"/>
        <charset val="238"/>
      </rPr>
      <t>". Verejný obsatrávateľ rozumie skutočnosti, že hodnota uvedená v stĺpci "</t>
    </r>
    <r>
      <rPr>
        <i/>
        <sz val="9"/>
        <color theme="1"/>
        <rFont val="Arial"/>
        <family val="2"/>
        <charset val="238"/>
      </rPr>
      <t>Prepočet ponúkaných počtov kusov spolu</t>
    </r>
    <r>
      <rPr>
        <sz val="9"/>
        <color theme="1"/>
        <rFont val="Arial"/>
        <family val="2"/>
        <charset val="238"/>
      </rPr>
      <t>" závisí od ponúkaného počtu kusov v balení a od ponúkaného počtu balení. 
Stĺpec s názvom "</t>
    </r>
    <r>
      <rPr>
        <b/>
        <i/>
        <sz val="9"/>
        <color theme="1"/>
        <rFont val="Arial"/>
        <family val="2"/>
        <charset val="238"/>
      </rPr>
      <t>Jednotková cena v EUR bez DPH za ponúkanú veľkosť balenia"</t>
    </r>
    <r>
      <rPr>
        <sz val="9"/>
        <color theme="1"/>
        <rFont val="Arial"/>
        <family val="2"/>
        <charset val="238"/>
      </rPr>
      <t xml:space="preserve">  - dodávateľ uvedie jednotkovú cenu za ponúkanú veľkosť balenia (uvedené v stĺpci č.5) v EUR bez DPH.
Stĺpec s názvom "</t>
    </r>
    <r>
      <rPr>
        <b/>
        <i/>
        <sz val="9"/>
        <color theme="1"/>
        <rFont val="Arial"/>
        <family val="2"/>
        <charset val="238"/>
      </rPr>
      <t>Cena za 1 ks v EUR bez DPH</t>
    </r>
    <r>
      <rPr>
        <sz val="9"/>
        <color theme="1"/>
        <rFont val="Arial"/>
        <family val="2"/>
        <charset val="238"/>
      </rPr>
      <t>"  - dodávateľ uvedie jednotkovú cenu za 1 ks vreca/sáčku/ tašky/ vrecka v EUR bez DPH t.j. predelí hodnotu uvedenú v stĺpci s názvom "</t>
    </r>
    <r>
      <rPr>
        <i/>
        <sz val="9"/>
        <color theme="1"/>
        <rFont val="Arial"/>
        <family val="2"/>
        <charset val="238"/>
      </rPr>
      <t>Jednotková cena v EUR bez DPH za ponúkanú veľkosť balenia</t>
    </r>
    <r>
      <rPr>
        <sz val="9"/>
        <color theme="1"/>
        <rFont val="Arial"/>
        <family val="2"/>
        <charset val="238"/>
      </rPr>
      <t>" s hodnotou uvedenou v stĺpci s názvom "</t>
    </r>
    <r>
      <rPr>
        <i/>
        <sz val="9"/>
        <color theme="1"/>
        <rFont val="Arial"/>
        <family val="2"/>
        <charset val="238"/>
      </rPr>
      <t>Ponúkaný počet kusov v balení</t>
    </r>
    <r>
      <rPr>
        <sz val="9"/>
        <color theme="1"/>
        <rFont val="Arial"/>
        <family val="2"/>
        <charset val="238"/>
      </rPr>
      <t>"</t>
    </r>
  </si>
  <si>
    <t>* Cena 
za 1 ks v EUR
bez DPH</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 Cena náhradného tovaru nesmie byť vyššia ako cena pôvodného tovaru, ktorého výroba bola ukončená. Ak trhová cena náhradného tovaru bude v danom období nižšia ako cena pôvodného tovaru, platí spôsob určenia ceny uvedený v predchádzajúcom bode.</t>
  </si>
  <si>
    <t>16.</t>
  </si>
  <si>
    <t>17.</t>
  </si>
  <si>
    <t>V prípade, ak nastanú skutočnosti uvedené v bodoch 10 a 11 je dodávateľ povinný pred prvou dodávkou každého nového tovaru, resp. náhradného druhu tovaru doručiť objednávateľovi prospektový materiál a zároveň doručiť návrh dodatku, ktorého predmetom bude zmena rozsahu plnenia vrátane aktualizovaného štruktúrovaného rozpočtu ceny predmetu zákazky.</t>
  </si>
  <si>
    <t>Počas trvania rámcovej dohody si objednávateľ vyhradzuje právo rozšíriť, príp. zmeniť druh tovaru v rozsahu predmetu
obstarávania a to po vzájomnej dohode zmluvných strán, pričom zmluvný finančný objem tejto rámcovej dohody počas jej platnosti a účinnosti ostane nezmenený. 
Zmluvná cena tohto druhu tovaru bude určená, ako nižšia cena z nasledovných cien:
- z trhovej ceny, ktorá bude vypočítaná ako priemerná cena rovnakého typu tovaru od min. troch rôznych predajcov na trhu. Jedným z povinne oslovených predajcov v rámci prieskumu trhu bude dodávateľ. Prieskum trhu vykoná objednávateľ.
- z ponukovej ceny predloženej dodávateľom v prieskume trh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64" formatCode="#,##0.00\ &quot;€&quot;"/>
    <numFmt numFmtId="165" formatCode="#,##0.00\ [$EUR]"/>
    <numFmt numFmtId="166" formatCode="#,##0.0000\ &quot;€&quot;"/>
    <numFmt numFmtId="167" formatCode="#,##0.00000\ &quot;€&quot;"/>
    <numFmt numFmtId="168" formatCode="#,##0\ _€"/>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1"/>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9"/>
      <color theme="1"/>
      <name val="Arial"/>
      <family val="2"/>
      <charset val="238"/>
    </font>
    <font>
      <i/>
      <sz val="9"/>
      <color theme="1"/>
      <name val="Arial"/>
      <family val="2"/>
      <charset val="238"/>
    </font>
    <font>
      <i/>
      <sz val="10"/>
      <color theme="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8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style="thin">
        <color auto="1"/>
      </left>
      <right style="dotted">
        <color auto="1"/>
      </right>
      <top/>
      <bottom style="dotted">
        <color auto="1"/>
      </bottom>
      <diagonal/>
    </border>
    <border>
      <left style="dotted">
        <color auto="1"/>
      </left>
      <right style="medium">
        <color auto="1"/>
      </right>
      <top style="thin">
        <color auto="1"/>
      </top>
      <bottom style="thin">
        <color auto="1"/>
      </bottom>
      <diagonal/>
    </border>
    <border>
      <left style="dotted">
        <color auto="1"/>
      </left>
      <right style="dotted">
        <color auto="1"/>
      </right>
      <top style="dotted">
        <color auto="1"/>
      </top>
      <bottom style="dotted">
        <color auto="1"/>
      </bottom>
      <diagonal/>
    </border>
    <border>
      <left style="dotted">
        <color auto="1"/>
      </left>
      <right style="medium">
        <color auto="1"/>
      </right>
      <top style="thin">
        <color auto="1"/>
      </top>
      <bottom style="medium">
        <color auto="1"/>
      </bottom>
      <diagonal/>
    </border>
    <border>
      <left/>
      <right/>
      <top style="dotted">
        <color auto="1"/>
      </top>
      <bottom/>
      <diagonal/>
    </border>
    <border>
      <left style="medium">
        <color auto="1"/>
      </left>
      <right style="dotted">
        <color auto="1"/>
      </right>
      <top style="medium">
        <color auto="1"/>
      </top>
      <bottom/>
      <diagonal/>
    </border>
    <border>
      <left style="thin">
        <color indexed="64"/>
      </left>
      <right style="dotted">
        <color auto="1"/>
      </right>
      <top style="medium">
        <color indexed="64"/>
      </top>
      <bottom/>
      <diagonal/>
    </border>
    <border>
      <left/>
      <right style="dotted">
        <color auto="1"/>
      </right>
      <top style="medium">
        <color auto="1"/>
      </top>
      <bottom/>
      <diagonal/>
    </border>
    <border>
      <left style="dotted">
        <color auto="1"/>
      </left>
      <right style="dotted">
        <color auto="1"/>
      </right>
      <top style="medium">
        <color auto="1"/>
      </top>
      <bottom/>
      <diagonal/>
    </border>
    <border>
      <left style="dotted">
        <color auto="1"/>
      </left>
      <right style="medium">
        <color auto="1"/>
      </right>
      <top style="medium">
        <color auto="1"/>
      </top>
      <bottom/>
      <diagonal/>
    </border>
    <border>
      <left style="dotted">
        <color auto="1"/>
      </left>
      <right/>
      <top style="medium">
        <color auto="1"/>
      </top>
      <bottom style="medium">
        <color auto="1"/>
      </bottom>
      <diagonal/>
    </border>
    <border>
      <left style="medium">
        <color auto="1"/>
      </left>
      <right style="dotted">
        <color auto="1"/>
      </right>
      <top style="medium">
        <color auto="1"/>
      </top>
      <bottom style="thin">
        <color auto="1"/>
      </bottom>
      <diagonal/>
    </border>
    <border>
      <left style="dotted">
        <color auto="1"/>
      </left>
      <right style="medium">
        <color auto="1"/>
      </right>
      <top style="medium">
        <color auto="1"/>
      </top>
      <bottom style="thin">
        <color auto="1"/>
      </bottom>
      <diagonal/>
    </border>
    <border>
      <left style="medium">
        <color auto="1"/>
      </left>
      <right style="dotted">
        <color auto="1"/>
      </right>
      <top style="thin">
        <color auto="1"/>
      </top>
      <bottom style="thin">
        <color auto="1"/>
      </bottom>
      <diagonal/>
    </border>
    <border>
      <left style="medium">
        <color indexed="64"/>
      </left>
      <right style="dotted">
        <color auto="1"/>
      </right>
      <top style="thin">
        <color auto="1"/>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thin">
        <color indexed="64"/>
      </right>
      <top style="medium">
        <color auto="1"/>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dotted">
        <color auto="1"/>
      </left>
      <right style="dotted">
        <color auto="1"/>
      </right>
      <top style="thin">
        <color indexed="64"/>
      </top>
      <bottom style="medium">
        <color auto="1"/>
      </bottom>
      <diagonal/>
    </border>
    <border>
      <left style="dotted">
        <color auto="1"/>
      </left>
      <right/>
      <top style="thin">
        <color indexed="64"/>
      </top>
      <bottom style="medium">
        <color auto="1"/>
      </bottom>
      <diagonal/>
    </border>
    <border>
      <left style="thin">
        <color indexed="64"/>
      </left>
      <right style="dotted">
        <color auto="1"/>
      </right>
      <top style="thin">
        <color indexed="64"/>
      </top>
      <bottom style="medium">
        <color auto="1"/>
      </bottom>
      <diagonal/>
    </border>
    <border>
      <left style="dotted">
        <color indexed="64"/>
      </left>
      <right style="dotted">
        <color auto="1"/>
      </right>
      <top style="medium">
        <color auto="1"/>
      </top>
      <bottom style="thin">
        <color indexed="64"/>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medium">
        <color auto="1"/>
      </left>
      <right/>
      <top style="thin">
        <color auto="1"/>
      </top>
      <bottom style="thin">
        <color auto="1"/>
      </bottom>
      <diagonal/>
    </border>
    <border>
      <left/>
      <right style="thin">
        <color indexed="64"/>
      </right>
      <top style="thin">
        <color indexed="64"/>
      </top>
      <bottom style="medium">
        <color auto="1"/>
      </bottom>
      <diagonal/>
    </border>
    <border>
      <left style="thin">
        <color auto="1"/>
      </left>
      <right/>
      <top style="medium">
        <color auto="1"/>
      </top>
      <bottom style="dotted">
        <color indexed="64"/>
      </bottom>
      <diagonal/>
    </border>
    <border>
      <left style="dotted">
        <color auto="1"/>
      </left>
      <right/>
      <top style="medium">
        <color auto="1"/>
      </top>
      <bottom style="thin">
        <color auto="1"/>
      </bottom>
      <diagonal/>
    </border>
    <border>
      <left/>
      <right style="thin">
        <color indexed="64"/>
      </right>
      <top style="medium">
        <color auto="1"/>
      </top>
      <bottom style="thin">
        <color auto="1"/>
      </bottom>
      <diagonal/>
    </border>
    <border>
      <left style="thin">
        <color indexed="64"/>
      </left>
      <right style="dotted">
        <color auto="1"/>
      </right>
      <top style="medium">
        <color auto="1"/>
      </top>
      <bottom style="thin">
        <color auto="1"/>
      </bottom>
      <diagonal/>
    </border>
    <border>
      <left style="dotted">
        <color auto="1"/>
      </left>
      <right/>
      <top style="thin">
        <color auto="1"/>
      </top>
      <bottom style="thin">
        <color auto="1"/>
      </bottom>
      <diagonal/>
    </border>
    <border>
      <left style="thin">
        <color indexed="64"/>
      </left>
      <right style="dotted">
        <color auto="1"/>
      </right>
      <top style="thin">
        <color auto="1"/>
      </top>
      <bottom style="thin">
        <color auto="1"/>
      </bottom>
      <diagonal/>
    </border>
    <border>
      <left style="dotted">
        <color auto="1"/>
      </left>
      <right style="dotted">
        <color auto="1"/>
      </right>
      <top style="thin">
        <color indexed="64"/>
      </top>
      <bottom style="thin">
        <color indexed="64"/>
      </bottom>
      <diagonal/>
    </border>
    <border>
      <left style="medium">
        <color auto="1"/>
      </left>
      <right/>
      <top/>
      <bottom style="thin">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thin">
        <color auto="1"/>
      </left>
      <right style="thin">
        <color auto="1"/>
      </right>
      <top/>
      <bottom style="thin">
        <color auto="1"/>
      </bottom>
      <diagonal/>
    </border>
    <border>
      <left style="thin">
        <color auto="1"/>
      </left>
      <right style="medium">
        <color indexed="64"/>
      </right>
      <top/>
      <bottom style="thin">
        <color auto="1"/>
      </bottom>
      <diagonal/>
    </border>
    <border>
      <left/>
      <right style="dotted">
        <color auto="1"/>
      </right>
      <top style="medium">
        <color auto="1"/>
      </top>
      <bottom style="thin">
        <color auto="1"/>
      </bottom>
      <diagonal/>
    </border>
    <border>
      <left/>
      <right style="dotted">
        <color auto="1"/>
      </right>
      <top style="thin">
        <color auto="1"/>
      </top>
      <bottom style="thin">
        <color auto="1"/>
      </bottom>
      <diagonal/>
    </border>
    <border>
      <left/>
      <right style="dotted">
        <color auto="1"/>
      </right>
      <top style="thin">
        <color auto="1"/>
      </top>
      <bottom style="medium">
        <color indexed="64"/>
      </bottom>
      <diagonal/>
    </border>
    <border>
      <left style="medium">
        <color indexed="64"/>
      </left>
      <right style="medium">
        <color auto="1"/>
      </right>
      <top/>
      <bottom/>
      <diagonal/>
    </border>
    <border>
      <left style="medium">
        <color indexed="64"/>
      </left>
      <right style="medium">
        <color auto="1"/>
      </right>
      <top style="medium">
        <color auto="1"/>
      </top>
      <bottom/>
      <diagonal/>
    </border>
    <border>
      <left style="dotted">
        <color auto="1"/>
      </left>
      <right style="medium">
        <color indexed="64"/>
      </right>
      <top/>
      <bottom style="thin">
        <color auto="1"/>
      </bottom>
      <diagonal/>
    </border>
    <border>
      <left style="dotted">
        <color auto="1"/>
      </left>
      <right style="medium">
        <color auto="1"/>
      </right>
      <top style="medium">
        <color auto="1"/>
      </top>
      <bottom style="medium">
        <color indexed="64"/>
      </bottom>
      <diagonal/>
    </border>
    <border>
      <left style="medium">
        <color auto="1"/>
      </left>
      <right style="medium">
        <color auto="1"/>
      </right>
      <top style="medium">
        <color auto="1"/>
      </top>
      <bottom style="thin">
        <color auto="1"/>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dotted">
        <color auto="1"/>
      </left>
      <right style="dotted">
        <color auto="1"/>
      </right>
      <top style="thin">
        <color indexed="64"/>
      </top>
      <bottom/>
      <diagonal/>
    </border>
    <border>
      <left style="thin">
        <color indexed="64"/>
      </left>
      <right style="thin">
        <color indexed="64"/>
      </right>
      <top/>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auto="1"/>
      </left>
      <right/>
      <top style="thin">
        <color auto="1"/>
      </top>
      <bottom style="medium">
        <color auto="1"/>
      </bottom>
      <diagonal/>
    </border>
    <border>
      <left style="medium">
        <color auto="1"/>
      </left>
      <right style="dotted">
        <color auto="1"/>
      </right>
      <top style="medium">
        <color auto="1"/>
      </top>
      <bottom style="medium">
        <color indexed="64"/>
      </bottom>
      <diagonal/>
    </border>
    <border>
      <left style="dotted">
        <color auto="1"/>
      </left>
      <right style="dotted">
        <color auto="1"/>
      </right>
      <top style="medium">
        <color auto="1"/>
      </top>
      <bottom style="medium">
        <color indexed="64"/>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0" fontId="2" fillId="0" borderId="0" xfId="0" applyFont="1" applyFill="1" applyBorder="1" applyAlignment="1">
      <alignment horizontal="center" vertical="center" wrapText="1"/>
    </xf>
    <xf numFmtId="49" fontId="7" fillId="0" borderId="0" xfId="5" applyNumberFormat="1" applyFont="1" applyAlignment="1">
      <alignment wrapText="1"/>
    </xf>
    <xf numFmtId="0" fontId="7" fillId="0" borderId="0" xfId="5" applyFont="1" applyAlignment="1">
      <alignment wrapText="1"/>
    </xf>
    <xf numFmtId="0" fontId="7" fillId="0" borderId="0" xfId="5" applyFont="1" applyAlignment="1">
      <alignment vertical="center" wrapText="1"/>
    </xf>
    <xf numFmtId="49" fontId="2" fillId="0" borderId="9" xfId="0" applyNumberFormat="1" applyFont="1" applyFill="1" applyBorder="1" applyAlignment="1">
      <alignment horizontal="center" vertical="center" wrapText="1"/>
    </xf>
    <xf numFmtId="49" fontId="2" fillId="0" borderId="10" xfId="0" applyNumberFormat="1" applyFont="1" applyFill="1" applyBorder="1" applyAlignment="1">
      <alignment horizontal="left" vertical="center" wrapText="1"/>
    </xf>
    <xf numFmtId="49" fontId="2" fillId="0" borderId="15"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6" xfId="0" applyFont="1" applyBorder="1" applyAlignment="1">
      <alignment vertical="center" wrapText="1"/>
    </xf>
    <xf numFmtId="0" fontId="2" fillId="0" borderId="16" xfId="0" applyFont="1" applyFill="1" applyBorder="1" applyAlignment="1">
      <alignment horizontal="center" vertical="center" wrapText="1"/>
    </xf>
    <xf numFmtId="0" fontId="10" fillId="0" borderId="0" xfId="0" applyFont="1" applyAlignment="1">
      <alignment wrapText="1"/>
    </xf>
    <xf numFmtId="0" fontId="2" fillId="3" borderId="16" xfId="0" applyFont="1" applyFill="1" applyBorder="1" applyAlignment="1">
      <alignment horizontal="left" vertical="top" wrapText="1"/>
    </xf>
    <xf numFmtId="0" fontId="2" fillId="3" borderId="16" xfId="0" applyFont="1" applyFill="1" applyBorder="1" applyAlignment="1">
      <alignment horizontal="center" vertical="top" wrapText="1"/>
    </xf>
    <xf numFmtId="0" fontId="2" fillId="0" borderId="0" xfId="0" applyFont="1" applyAlignment="1">
      <alignment horizontal="center" vertical="top" wrapText="1"/>
    </xf>
    <xf numFmtId="0" fontId="11" fillId="0" borderId="0" xfId="0" applyFont="1" applyAlignment="1">
      <alignment horizontal="center" vertical="top" wrapText="1"/>
    </xf>
    <xf numFmtId="0" fontId="11"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3" xfId="0" applyNumberFormat="1" applyFont="1" applyFill="1" applyBorder="1" applyAlignment="1">
      <alignment horizontal="center" vertical="center" wrapText="1"/>
    </xf>
    <xf numFmtId="0" fontId="3" fillId="0" borderId="0" xfId="0" applyFont="1" applyAlignment="1">
      <alignment vertical="center"/>
    </xf>
    <xf numFmtId="0" fontId="11" fillId="0" borderId="0" xfId="0" applyFont="1" applyAlignment="1">
      <alignment vertical="center"/>
    </xf>
    <xf numFmtId="49" fontId="5" fillId="0" borderId="0" xfId="1" applyNumberFormat="1" applyFont="1" applyBorder="1" applyAlignment="1">
      <alignment horizontal="left" vertical="center" wrapText="1"/>
    </xf>
    <xf numFmtId="0" fontId="4" fillId="0" borderId="16" xfId="0" applyFont="1" applyFill="1" applyBorder="1" applyAlignment="1">
      <alignment horizontal="left" vertical="center" wrapText="1"/>
    </xf>
    <xf numFmtId="0" fontId="7" fillId="0" borderId="0" xfId="5" applyFont="1" applyAlignment="1">
      <alignment horizontal="right" vertical="center" wrapText="1"/>
    </xf>
    <xf numFmtId="0" fontId="11"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3" fillId="0" borderId="3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4" fontId="2" fillId="0" borderId="0" xfId="0" applyNumberFormat="1" applyFont="1" applyAlignment="1">
      <alignment horizontal="center" vertical="center" wrapText="1"/>
    </xf>
    <xf numFmtId="9" fontId="2" fillId="0" borderId="0" xfId="0" applyNumberFormat="1" applyFont="1" applyAlignment="1">
      <alignment horizontal="center" vertical="center" wrapText="1"/>
    </xf>
    <xf numFmtId="164" fontId="2" fillId="0" borderId="0" xfId="0" applyNumberFormat="1" applyFont="1" applyAlignment="1">
      <alignment horizontal="right" vertical="center" wrapText="1"/>
    </xf>
    <xf numFmtId="164" fontId="2" fillId="0" borderId="0" xfId="0" applyNumberFormat="1" applyFont="1" applyAlignment="1">
      <alignment vertical="center" wrapText="1"/>
    </xf>
    <xf numFmtId="0" fontId="2" fillId="0" borderId="0" xfId="0" applyFont="1" applyAlignment="1">
      <alignment horizontal="left"/>
    </xf>
    <xf numFmtId="0" fontId="2" fillId="0" borderId="0" xfId="0" applyFont="1" applyAlignment="1">
      <alignment horizontal="left" vertical="center"/>
    </xf>
    <xf numFmtId="0" fontId="12" fillId="0" borderId="18" xfId="0" applyFont="1" applyFill="1" applyBorder="1" applyAlignment="1">
      <alignment horizontal="center" vertical="top" wrapText="1"/>
    </xf>
    <xf numFmtId="0" fontId="2" fillId="0" borderId="0" xfId="0" applyFont="1" applyFill="1" applyBorder="1" applyAlignment="1">
      <alignment horizontal="center" wrapText="1"/>
    </xf>
    <xf numFmtId="9" fontId="2" fillId="0" borderId="0" xfId="0" applyNumberFormat="1" applyFont="1" applyAlignment="1">
      <alignment horizontal="center" wrapText="1"/>
    </xf>
    <xf numFmtId="164" fontId="2" fillId="0" borderId="0" xfId="0" applyNumberFormat="1" applyFont="1" applyAlignment="1">
      <alignment horizontal="right" wrapText="1"/>
    </xf>
    <xf numFmtId="164" fontId="2" fillId="0" borderId="0" xfId="0" applyNumberFormat="1" applyFont="1" applyAlignment="1">
      <alignment wrapText="1"/>
    </xf>
    <xf numFmtId="0" fontId="2" fillId="0" borderId="40" xfId="0" applyFont="1" applyBorder="1" applyAlignment="1">
      <alignment horizontal="center" vertical="center" wrapText="1"/>
    </xf>
    <xf numFmtId="0" fontId="2" fillId="0" borderId="42" xfId="0" applyFont="1" applyBorder="1" applyAlignment="1">
      <alignment horizontal="center" vertical="center" wrapText="1"/>
    </xf>
    <xf numFmtId="0" fontId="2" fillId="0" borderId="0" xfId="0" applyFont="1" applyAlignment="1">
      <alignment horizontal="right" wrapText="1"/>
    </xf>
    <xf numFmtId="0" fontId="2" fillId="0" borderId="0" xfId="0" applyFont="1" applyAlignment="1">
      <alignment horizontal="right"/>
    </xf>
    <xf numFmtId="0" fontId="2" fillId="0" borderId="0" xfId="0" applyFont="1" applyAlignment="1">
      <alignment horizontal="right" vertical="center"/>
    </xf>
    <xf numFmtId="0" fontId="2"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6"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4" fontId="2" fillId="0" borderId="0" xfId="0" applyNumberFormat="1" applyFont="1" applyAlignment="1">
      <alignment horizontal="right" wrapText="1"/>
    </xf>
    <xf numFmtId="0" fontId="7" fillId="2" borderId="16" xfId="5" applyFont="1" applyFill="1" applyBorder="1" applyAlignment="1">
      <alignment horizontal="right" vertical="center" wrapText="1"/>
    </xf>
    <xf numFmtId="0" fontId="12" fillId="2" borderId="34" xfId="0" applyFont="1" applyFill="1" applyBorder="1" applyAlignment="1">
      <alignment horizontal="left" vertical="top" wrapText="1"/>
    </xf>
    <xf numFmtId="0" fontId="12" fillId="2" borderId="35" xfId="0" applyFont="1" applyFill="1" applyBorder="1" applyAlignment="1">
      <alignment horizontal="center" vertical="top" wrapText="1"/>
    </xf>
    <xf numFmtId="0" fontId="12" fillId="2" borderId="34" xfId="0" applyFont="1" applyFill="1" applyBorder="1" applyAlignment="1">
      <alignment horizontal="center" vertical="top" wrapText="1"/>
    </xf>
    <xf numFmtId="0" fontId="12" fillId="2" borderId="36" xfId="0" applyFont="1" applyFill="1" applyBorder="1" applyAlignment="1">
      <alignment horizontal="center" vertical="top" wrapText="1"/>
    </xf>
    <xf numFmtId="9" fontId="12" fillId="2" borderId="37" xfId="0" applyNumberFormat="1" applyFont="1" applyFill="1" applyBorder="1" applyAlignment="1">
      <alignment horizontal="center" vertical="top" wrapText="1"/>
    </xf>
    <xf numFmtId="164" fontId="12" fillId="2" borderId="37" xfId="0" applyNumberFormat="1" applyFont="1" applyFill="1" applyBorder="1" applyAlignment="1">
      <alignment horizontal="center" vertical="top" wrapText="1"/>
    </xf>
    <xf numFmtId="164" fontId="12" fillId="2" borderId="38" xfId="0" applyNumberFormat="1" applyFont="1" applyFill="1" applyBorder="1" applyAlignment="1">
      <alignment horizontal="center" vertical="top" wrapText="1"/>
    </xf>
    <xf numFmtId="49" fontId="2" fillId="0" borderId="8" xfId="0" applyNumberFormat="1" applyFont="1" applyFill="1" applyBorder="1" applyAlignment="1">
      <alignment horizontal="center" vertical="center" wrapText="1"/>
    </xf>
    <xf numFmtId="0" fontId="7" fillId="0" borderId="44" xfId="0" applyNumberFormat="1" applyFont="1" applyBorder="1" applyAlignment="1">
      <alignment horizontal="center" vertical="center" wrapText="1"/>
    </xf>
    <xf numFmtId="0" fontId="7" fillId="0" borderId="16" xfId="0" applyNumberFormat="1" applyFont="1" applyBorder="1" applyAlignment="1">
      <alignment horizontal="center" vertical="center" wrapText="1"/>
    </xf>
    <xf numFmtId="0" fontId="7" fillId="0" borderId="45" xfId="0" applyNumberFormat="1" applyFont="1" applyBorder="1" applyAlignment="1">
      <alignment horizontal="center" vertical="center" wrapText="1"/>
    </xf>
    <xf numFmtId="49" fontId="2" fillId="0" borderId="10" xfId="0" applyNumberFormat="1" applyFont="1" applyBorder="1" applyAlignment="1">
      <alignment horizontal="left" vertical="center"/>
    </xf>
    <xf numFmtId="49" fontId="2" fillId="0" borderId="17" xfId="0" applyNumberFormat="1" applyFont="1" applyFill="1" applyBorder="1" applyAlignment="1">
      <alignment horizontal="left" vertical="center" wrapText="1"/>
    </xf>
    <xf numFmtId="0" fontId="2" fillId="0" borderId="43" xfId="0" applyFont="1" applyBorder="1" applyAlignment="1">
      <alignment horizontal="center" vertical="center" wrapText="1"/>
    </xf>
    <xf numFmtId="0" fontId="2" fillId="0" borderId="51" xfId="0" applyFont="1" applyBorder="1" applyAlignment="1">
      <alignment horizontal="center" vertical="center" wrapText="1"/>
    </xf>
    <xf numFmtId="9" fontId="2" fillId="0" borderId="51" xfId="0" applyNumberFormat="1" applyFont="1" applyBorder="1" applyAlignment="1">
      <alignment horizontal="center" vertical="center" wrapText="1"/>
    </xf>
    <xf numFmtId="165" fontId="2" fillId="0" borderId="51" xfId="0" applyNumberFormat="1" applyFont="1" applyBorder="1" applyAlignment="1">
      <alignment horizontal="right" vertical="center" wrapText="1"/>
    </xf>
    <xf numFmtId="49" fontId="5" fillId="5" borderId="20" xfId="0" applyNumberFormat="1" applyFont="1" applyFill="1" applyBorder="1" applyAlignment="1">
      <alignment vertical="center" wrapText="1"/>
    </xf>
    <xf numFmtId="49" fontId="5" fillId="5" borderId="14" xfId="0" applyNumberFormat="1" applyFont="1" applyFill="1" applyBorder="1" applyAlignment="1">
      <alignment vertical="center" wrapText="1"/>
    </xf>
    <xf numFmtId="49" fontId="5" fillId="5" borderId="28" xfId="0" applyNumberFormat="1" applyFont="1" applyFill="1" applyBorder="1" applyAlignment="1">
      <alignment vertical="center" wrapText="1"/>
    </xf>
    <xf numFmtId="0" fontId="4" fillId="6" borderId="16" xfId="0" applyFont="1" applyFill="1" applyBorder="1" applyAlignment="1">
      <alignment vertical="center" wrapText="1"/>
    </xf>
    <xf numFmtId="0" fontId="4" fillId="0" borderId="16" xfId="0" applyFont="1" applyBorder="1" applyAlignment="1">
      <alignment vertical="center"/>
    </xf>
    <xf numFmtId="0" fontId="7" fillId="0" borderId="0" xfId="0" applyFont="1" applyAlignment="1">
      <alignment horizontal="right" vertical="top" wrapText="1"/>
    </xf>
    <xf numFmtId="0" fontId="5" fillId="0" borderId="0" xfId="0" applyFont="1" applyAlignment="1">
      <alignment vertical="center"/>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4" fillId="0" borderId="5"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2" fillId="0" borderId="0" xfId="0" applyNumberFormat="1" applyFont="1" applyBorder="1" applyAlignment="1">
      <alignment horizontal="left" wrapText="1"/>
    </xf>
    <xf numFmtId="14" fontId="12" fillId="0" borderId="0" xfId="0" applyNumberFormat="1" applyFont="1" applyBorder="1" applyAlignment="1">
      <alignment horizontal="left" vertical="top" wrapText="1"/>
    </xf>
    <xf numFmtId="0" fontId="2" fillId="0" borderId="59" xfId="0" applyFont="1" applyFill="1" applyBorder="1" applyAlignment="1">
      <alignment horizontal="left" vertical="center" wrapText="1"/>
    </xf>
    <xf numFmtId="0" fontId="3" fillId="0" borderId="55" xfId="0" applyFont="1" applyFill="1" applyBorder="1" applyAlignment="1">
      <alignment horizontal="left" vertical="center" wrapText="1"/>
    </xf>
    <xf numFmtId="0" fontId="2" fillId="0" borderId="62" xfId="0" applyFont="1" applyBorder="1" applyAlignment="1">
      <alignment horizontal="center" vertical="center" wrapText="1"/>
    </xf>
    <xf numFmtId="0" fontId="2" fillId="0" borderId="64"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54" xfId="0" applyFont="1" applyBorder="1" applyAlignment="1">
      <alignment horizontal="center" vertical="center" wrapText="1"/>
    </xf>
    <xf numFmtId="165" fontId="2" fillId="0" borderId="54" xfId="0" applyNumberFormat="1" applyFont="1" applyBorder="1" applyAlignment="1">
      <alignment horizontal="right" vertical="center" wrapText="1"/>
    </xf>
    <xf numFmtId="9" fontId="2" fillId="0" borderId="54" xfId="0" applyNumberFormat="1" applyFont="1" applyBorder="1" applyAlignment="1">
      <alignment horizontal="center" vertical="center" wrapText="1"/>
    </xf>
    <xf numFmtId="0" fontId="2" fillId="0" borderId="65" xfId="0" applyFont="1" applyBorder="1" applyAlignment="1">
      <alignment horizontal="center" vertical="center" wrapText="1"/>
    </xf>
    <xf numFmtId="165" fontId="2" fillId="0" borderId="65" xfId="0" applyNumberFormat="1" applyFont="1" applyBorder="1" applyAlignment="1">
      <alignment horizontal="right" vertical="center" wrapText="1"/>
    </xf>
    <xf numFmtId="9" fontId="2" fillId="0" borderId="65" xfId="0" applyNumberFormat="1" applyFont="1" applyBorder="1" applyAlignment="1">
      <alignment horizontal="center" vertical="center" wrapText="1"/>
    </xf>
    <xf numFmtId="49" fontId="2" fillId="0" borderId="57" xfId="0" applyNumberFormat="1" applyFont="1" applyBorder="1" applyAlignment="1">
      <alignment vertical="center"/>
    </xf>
    <xf numFmtId="49" fontId="2" fillId="0" borderId="10" xfId="0" applyNumberFormat="1" applyFont="1" applyBorder="1" applyAlignment="1">
      <alignment vertical="center"/>
    </xf>
    <xf numFmtId="0" fontId="13" fillId="0" borderId="7" xfId="0" applyFont="1" applyBorder="1" applyAlignment="1">
      <alignment horizontal="center"/>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49" fontId="2" fillId="0" borderId="66" xfId="0" applyNumberFormat="1" applyFont="1" applyBorder="1" applyAlignment="1">
      <alignment vertical="center"/>
    </xf>
    <xf numFmtId="49" fontId="4" fillId="0" borderId="45" xfId="0" applyNumberFormat="1" applyFont="1" applyFill="1" applyBorder="1" applyAlignment="1">
      <alignment horizontal="left" vertical="center" wrapText="1"/>
    </xf>
    <xf numFmtId="49" fontId="5" fillId="0" borderId="21" xfId="1" applyNumberFormat="1" applyFont="1" applyBorder="1" applyAlignment="1">
      <alignment horizontal="left" vertical="top" wrapText="1"/>
    </xf>
    <xf numFmtId="0" fontId="7" fillId="0" borderId="69" xfId="0" applyNumberFormat="1" applyFont="1" applyBorder="1" applyAlignment="1">
      <alignment horizontal="center" vertical="center" wrapText="1"/>
    </xf>
    <xf numFmtId="0" fontId="4" fillId="0" borderId="45" xfId="0" applyFont="1" applyFill="1" applyBorder="1" applyAlignment="1">
      <alignment horizontal="left" vertical="center" wrapText="1"/>
    </xf>
    <xf numFmtId="3" fontId="4" fillId="0" borderId="16" xfId="0" applyNumberFormat="1" applyFont="1" applyFill="1" applyBorder="1" applyAlignment="1">
      <alignment horizontal="center" vertical="center" wrapText="1"/>
    </xf>
    <xf numFmtId="0" fontId="2" fillId="0" borderId="56" xfId="0" applyFont="1" applyFill="1" applyBorder="1" applyAlignment="1">
      <alignment horizontal="left" vertical="center" wrapText="1"/>
    </xf>
    <xf numFmtId="0" fontId="2" fillId="0" borderId="71" xfId="0" applyFont="1" applyBorder="1" applyAlignment="1">
      <alignment horizontal="center" vertical="center" wrapText="1"/>
    </xf>
    <xf numFmtId="0" fontId="2" fillId="0" borderId="72" xfId="0" applyFont="1" applyBorder="1" applyAlignment="1">
      <alignment horizontal="center" vertical="center" wrapText="1"/>
    </xf>
    <xf numFmtId="0" fontId="2" fillId="0" borderId="73" xfId="0" applyFont="1" applyBorder="1" applyAlignment="1">
      <alignment horizontal="center" vertical="center" wrapText="1"/>
    </xf>
    <xf numFmtId="0" fontId="2" fillId="0" borderId="0" xfId="0" applyFont="1" applyBorder="1" applyAlignment="1">
      <alignment wrapText="1"/>
    </xf>
    <xf numFmtId="14" fontId="12" fillId="0" borderId="0" xfId="0" applyNumberFormat="1" applyFont="1" applyFill="1" applyBorder="1" applyAlignment="1">
      <alignment horizontal="left" vertical="center" wrapText="1"/>
    </xf>
    <xf numFmtId="0" fontId="2" fillId="0" borderId="74" xfId="0" applyFont="1" applyFill="1" applyBorder="1" applyAlignment="1">
      <alignment horizontal="center" vertical="center" wrapText="1"/>
    </xf>
    <xf numFmtId="0" fontId="2" fillId="0" borderId="21" xfId="0" applyFont="1" applyBorder="1" applyAlignment="1">
      <alignment horizontal="center" wrapText="1"/>
    </xf>
    <xf numFmtId="0" fontId="2" fillId="0" borderId="3" xfId="0" applyFont="1" applyBorder="1" applyAlignment="1">
      <alignment vertical="center" wrapText="1"/>
    </xf>
    <xf numFmtId="3" fontId="4" fillId="0" borderId="76" xfId="0" applyNumberFormat="1" applyFont="1" applyFill="1" applyBorder="1" applyAlignment="1">
      <alignment horizontal="center" vertical="center" wrapText="1"/>
    </xf>
    <xf numFmtId="0" fontId="12" fillId="2" borderId="77" xfId="0" applyFont="1" applyFill="1" applyBorder="1" applyAlignment="1">
      <alignment horizontal="center" vertical="top" wrapText="1"/>
    </xf>
    <xf numFmtId="0" fontId="3" fillId="2" borderId="75" xfId="0" applyFont="1" applyFill="1" applyBorder="1" applyAlignment="1">
      <alignment horizontal="center" vertical="top" wrapText="1"/>
    </xf>
    <xf numFmtId="0" fontId="12" fillId="0" borderId="0" xfId="0" applyNumberFormat="1" applyFont="1" applyFill="1" applyBorder="1" applyAlignment="1">
      <alignment vertical="center" wrapText="1"/>
    </xf>
    <xf numFmtId="0" fontId="2" fillId="0" borderId="0" xfId="0" applyFont="1" applyAlignment="1">
      <alignment horizontal="left" wrapText="1"/>
    </xf>
    <xf numFmtId="0" fontId="2" fillId="0" borderId="0" xfId="0" applyFont="1" applyAlignment="1">
      <alignment horizontal="center" vertical="center" wrapText="1"/>
    </xf>
    <xf numFmtId="0" fontId="2" fillId="0" borderId="64" xfId="0" applyFont="1" applyFill="1" applyBorder="1" applyAlignment="1">
      <alignment horizontal="center" vertical="center" wrapText="1"/>
    </xf>
    <xf numFmtId="166" fontId="2" fillId="0" borderId="54" xfId="0" applyNumberFormat="1" applyFont="1" applyBorder="1" applyAlignment="1">
      <alignment horizontal="right" vertical="center" wrapText="1"/>
    </xf>
    <xf numFmtId="166" fontId="2" fillId="0" borderId="65" xfId="0" applyNumberFormat="1" applyFont="1" applyBorder="1" applyAlignment="1">
      <alignment horizontal="right" vertical="center" wrapText="1"/>
    </xf>
    <xf numFmtId="166" fontId="2" fillId="0" borderId="51" xfId="0" applyNumberFormat="1" applyFont="1" applyBorder="1" applyAlignment="1">
      <alignment horizontal="right" vertical="center" wrapText="1"/>
    </xf>
    <xf numFmtId="166" fontId="2" fillId="0" borderId="41" xfId="0" applyNumberFormat="1" applyFont="1" applyBorder="1" applyAlignment="1">
      <alignment horizontal="right" vertical="center" wrapText="1"/>
    </xf>
    <xf numFmtId="166" fontId="2" fillId="0" borderId="30" xfId="0" applyNumberFormat="1" applyFont="1" applyBorder="1" applyAlignment="1">
      <alignment horizontal="right" vertical="center" wrapText="1"/>
    </xf>
    <xf numFmtId="166" fontId="2" fillId="0" borderId="32" xfId="0" applyNumberFormat="1" applyFont="1" applyBorder="1" applyAlignment="1">
      <alignment horizontal="right" vertical="center" wrapText="1"/>
    </xf>
    <xf numFmtId="0" fontId="2" fillId="0" borderId="0" xfId="0" applyFont="1" applyBorder="1" applyAlignment="1">
      <alignment horizontal="center" wrapText="1"/>
    </xf>
    <xf numFmtId="0" fontId="7" fillId="0" borderId="82" xfId="0" applyNumberFormat="1" applyFont="1" applyBorder="1" applyAlignment="1">
      <alignment horizontal="center" vertical="center" wrapText="1"/>
    </xf>
    <xf numFmtId="167" fontId="2" fillId="0" borderId="78" xfId="0" applyNumberFormat="1" applyFont="1" applyBorder="1" applyAlignment="1">
      <alignment vertical="center" wrapText="1"/>
    </xf>
    <xf numFmtId="167" fontId="2" fillId="0" borderId="79" xfId="0" applyNumberFormat="1" applyFont="1" applyBorder="1" applyAlignment="1">
      <alignment vertical="center" wrapText="1"/>
    </xf>
    <xf numFmtId="167" fontId="2" fillId="0" borderId="80" xfId="0" applyNumberFormat="1" applyFont="1" applyBorder="1" applyAlignment="1">
      <alignment vertical="center" wrapText="1"/>
    </xf>
    <xf numFmtId="3" fontId="2" fillId="0" borderId="54" xfId="0" applyNumberFormat="1" applyFont="1" applyBorder="1" applyAlignment="1">
      <alignment horizontal="center" vertical="center" wrapText="1"/>
    </xf>
    <xf numFmtId="3" fontId="2" fillId="0" borderId="65" xfId="0" applyNumberFormat="1" applyFont="1" applyBorder="1" applyAlignment="1">
      <alignment horizontal="center" vertical="center" wrapText="1"/>
    </xf>
    <xf numFmtId="3" fontId="2" fillId="0" borderId="81" xfId="0" applyNumberFormat="1" applyFont="1" applyBorder="1" applyAlignment="1">
      <alignment horizontal="center" vertical="center" wrapText="1"/>
    </xf>
    <xf numFmtId="1" fontId="2" fillId="0" borderId="40" xfId="0" applyNumberFormat="1" applyFont="1" applyBorder="1" applyAlignment="1">
      <alignment horizontal="center" vertical="center" wrapText="1"/>
    </xf>
    <xf numFmtId="1" fontId="2" fillId="0" borderId="42" xfId="0" applyNumberFormat="1" applyFont="1" applyBorder="1" applyAlignment="1">
      <alignment horizontal="center" vertical="center" wrapText="1"/>
    </xf>
    <xf numFmtId="1" fontId="2" fillId="0" borderId="43" xfId="0" applyNumberFormat="1" applyFont="1" applyBorder="1" applyAlignment="1">
      <alignment horizontal="center" vertical="center" wrapText="1"/>
    </xf>
    <xf numFmtId="49" fontId="2" fillId="0" borderId="66" xfId="0" applyNumberFormat="1" applyFont="1" applyBorder="1" applyAlignment="1">
      <alignment horizontal="left" vertical="center"/>
    </xf>
    <xf numFmtId="49" fontId="4" fillId="0" borderId="10" xfId="0" applyNumberFormat="1" applyFont="1" applyBorder="1" applyAlignment="1">
      <alignment horizontal="left" vertical="center"/>
    </xf>
    <xf numFmtId="49" fontId="4" fillId="0" borderId="67" xfId="0" applyNumberFormat="1" applyFont="1" applyFill="1" applyBorder="1" applyAlignment="1">
      <alignment horizontal="left" vertical="center" wrapText="1"/>
    </xf>
    <xf numFmtId="0" fontId="4" fillId="0" borderId="16" xfId="0" applyFont="1" applyFill="1" applyBorder="1" applyAlignment="1">
      <alignmen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168" fontId="2" fillId="0" borderId="54" xfId="0" applyNumberFormat="1" applyFont="1" applyBorder="1" applyAlignment="1">
      <alignment horizontal="center" vertical="center" wrapText="1"/>
    </xf>
    <xf numFmtId="168" fontId="2" fillId="0" borderId="65" xfId="0" applyNumberFormat="1" applyFont="1" applyBorder="1" applyAlignment="1">
      <alignment horizontal="center" vertical="center" wrapText="1"/>
    </xf>
    <xf numFmtId="168" fontId="2" fillId="0" borderId="51" xfId="0" applyNumberFormat="1" applyFont="1" applyBorder="1" applyAlignment="1">
      <alignment horizontal="center" vertical="center" wrapText="1"/>
    </xf>
    <xf numFmtId="49" fontId="2" fillId="0" borderId="17" xfId="0" applyNumberFormat="1" applyFont="1" applyBorder="1" applyAlignment="1">
      <alignment horizontal="left" vertical="center"/>
    </xf>
    <xf numFmtId="49" fontId="2" fillId="0" borderId="85" xfId="0" applyNumberFormat="1" applyFont="1" applyBorder="1" applyAlignment="1">
      <alignment vertical="center"/>
    </xf>
    <xf numFmtId="49" fontId="2" fillId="0" borderId="85" xfId="0" applyNumberFormat="1" applyFont="1" applyBorder="1" applyAlignment="1">
      <alignment horizontal="left" vertical="center"/>
    </xf>
    <xf numFmtId="0" fontId="15" fillId="2" borderId="34" xfId="0" applyFont="1" applyFill="1" applyBorder="1" applyAlignment="1">
      <alignment horizontal="center" vertical="top" wrapText="1"/>
    </xf>
    <xf numFmtId="0" fontId="15" fillId="2" borderId="35" xfId="0" applyFont="1" applyFill="1" applyBorder="1" applyAlignment="1">
      <alignment horizontal="center" vertical="top" wrapText="1"/>
    </xf>
    <xf numFmtId="0" fontId="15" fillId="2" borderId="77" xfId="0" applyFont="1" applyFill="1" applyBorder="1" applyAlignment="1">
      <alignment horizontal="center" vertical="top" wrapText="1"/>
    </xf>
    <xf numFmtId="0" fontId="16" fillId="2" borderId="75" xfId="0" applyFont="1" applyFill="1" applyBorder="1" applyAlignment="1">
      <alignment horizontal="center" vertical="top" wrapText="1"/>
    </xf>
    <xf numFmtId="0" fontId="15" fillId="2" borderId="86" xfId="0" applyFont="1" applyFill="1" applyBorder="1" applyAlignment="1">
      <alignment horizontal="center" vertical="top" wrapText="1"/>
    </xf>
    <xf numFmtId="0" fontId="15" fillId="2" borderId="87" xfId="0" applyFont="1" applyFill="1" applyBorder="1" applyAlignment="1">
      <alignment horizontal="center" vertical="top" wrapText="1"/>
    </xf>
    <xf numFmtId="49" fontId="2" fillId="0" borderId="16" xfId="0" applyNumberFormat="1" applyFont="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49" fontId="2" fillId="0" borderId="46" xfId="0" applyNumberFormat="1" applyFont="1" applyBorder="1" applyAlignment="1">
      <alignment horizontal="left" vertical="center" wrapText="1"/>
    </xf>
    <xf numFmtId="49" fontId="5" fillId="5" borderId="13" xfId="0" applyNumberFormat="1" applyFont="1" applyFill="1" applyBorder="1" applyAlignment="1">
      <alignment horizontal="left" vertical="center" wrapText="1"/>
    </xf>
    <xf numFmtId="49" fontId="5" fillId="5" borderId="20" xfId="0" applyNumberFormat="1" applyFont="1" applyFill="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13" fillId="0" borderId="7" xfId="0" applyFont="1" applyBorder="1" applyAlignment="1">
      <alignment horizontal="center"/>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2" fillId="0" borderId="16"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46" xfId="0" applyFont="1" applyFill="1" applyBorder="1" applyAlignment="1">
      <alignment horizontal="left" vertical="center" wrapText="1"/>
    </xf>
    <xf numFmtId="49" fontId="2" fillId="0" borderId="69" xfId="0" applyNumberFormat="1" applyFont="1" applyBorder="1" applyAlignment="1">
      <alignment horizontal="left" vertical="center" wrapText="1"/>
    </xf>
    <xf numFmtId="49" fontId="2" fillId="0" borderId="70" xfId="0" applyNumberFormat="1" applyFont="1" applyBorder="1" applyAlignment="1">
      <alignment horizontal="left" vertical="center" wrapText="1"/>
    </xf>
    <xf numFmtId="0" fontId="12" fillId="0" borderId="0" xfId="5" applyFont="1" applyAlignment="1">
      <alignment horizontal="center" vertical="center"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27"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2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2" xfId="0" applyFont="1" applyFill="1" applyBorder="1" applyAlignment="1">
      <alignment horizontal="center" vertical="top" wrapText="1"/>
    </xf>
    <xf numFmtId="0" fontId="3" fillId="2" borderId="21"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7"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48" xfId="0" applyFont="1" applyFill="1" applyBorder="1" applyAlignment="1">
      <alignment horizontal="left" vertical="center" wrapText="1"/>
    </xf>
    <xf numFmtId="0" fontId="2" fillId="0" borderId="49"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50" xfId="0" applyFont="1" applyFill="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0" borderId="67" xfId="0" applyNumberFormat="1" applyFont="1" applyBorder="1" applyAlignment="1">
      <alignment horizontal="left" vertical="center" wrapText="1"/>
    </xf>
    <xf numFmtId="49" fontId="2" fillId="0" borderId="68" xfId="0" applyNumberFormat="1" applyFont="1" applyBorder="1" applyAlignment="1">
      <alignment horizontal="left" vertical="center" wrapText="1"/>
    </xf>
    <xf numFmtId="0" fontId="2" fillId="0" borderId="44"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11"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5"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4" xfId="0" applyNumberFormat="1" applyFont="1" applyFill="1" applyBorder="1" applyAlignment="1">
      <alignment horizontal="center" vertical="center" wrapText="1"/>
    </xf>
    <xf numFmtId="49" fontId="2" fillId="2" borderId="25"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49" fontId="2" fillId="0" borderId="83" xfId="0" applyNumberFormat="1" applyFont="1" applyBorder="1" applyAlignment="1">
      <alignment horizontal="left" vertical="center" wrapText="1"/>
    </xf>
    <xf numFmtId="49" fontId="2" fillId="0" borderId="84" xfId="0" applyNumberFormat="1" applyFont="1" applyBorder="1" applyAlignment="1">
      <alignment horizontal="left" vertical="center" wrapText="1"/>
    </xf>
    <xf numFmtId="0" fontId="7" fillId="0" borderId="0" xfId="0" applyFont="1" applyAlignment="1">
      <alignment horizontal="left" vertical="top" wrapText="1"/>
    </xf>
    <xf numFmtId="0" fontId="4" fillId="0" borderId="63" xfId="0" applyFont="1" applyBorder="1" applyAlignment="1">
      <alignment horizontal="left" vertical="center" wrapText="1"/>
    </xf>
    <xf numFmtId="0" fontId="3" fillId="4" borderId="0" xfId="0" applyFont="1" applyFill="1" applyAlignment="1">
      <alignment horizontal="left" vertical="center" wrapText="1"/>
    </xf>
    <xf numFmtId="0" fontId="12" fillId="2" borderId="39" xfId="0" applyFont="1" applyFill="1" applyBorder="1" applyAlignment="1">
      <alignment horizontal="center" vertical="top" wrapText="1"/>
    </xf>
    <xf numFmtId="0" fontId="12" fillId="2" borderId="47" xfId="0" applyFont="1" applyFill="1" applyBorder="1" applyAlignment="1">
      <alignment horizontal="center" vertical="top" wrapText="1"/>
    </xf>
    <xf numFmtId="0" fontId="4" fillId="0" borderId="52" xfId="0" applyFont="1" applyBorder="1" applyAlignment="1">
      <alignment horizontal="left" vertical="center" wrapText="1"/>
    </xf>
    <xf numFmtId="0" fontId="4" fillId="0" borderId="58" xfId="0" applyFont="1" applyBorder="1" applyAlignment="1">
      <alignment horizontal="left" vertical="center" wrapText="1"/>
    </xf>
    <xf numFmtId="0" fontId="4" fillId="0" borderId="60" xfId="0" applyFont="1" applyBorder="1" applyAlignment="1">
      <alignment horizontal="left" vertical="center" wrapText="1"/>
    </xf>
    <xf numFmtId="0" fontId="4" fillId="0" borderId="61" xfId="0" applyFont="1" applyBorder="1" applyAlignment="1">
      <alignment horizontal="left" vertical="center" wrapText="1"/>
    </xf>
    <xf numFmtId="0" fontId="15" fillId="2" borderId="39" xfId="0" applyFont="1" applyFill="1" applyBorder="1" applyAlignment="1">
      <alignment horizontal="center" vertical="top" wrapText="1"/>
    </xf>
    <xf numFmtId="0" fontId="15" fillId="2" borderId="47" xfId="0" applyFont="1" applyFill="1" applyBorder="1" applyAlignment="1">
      <alignment horizontal="center" vertical="top" wrapText="1"/>
    </xf>
    <xf numFmtId="0" fontId="2" fillId="0" borderId="5" xfId="0" applyFont="1" applyFill="1" applyBorder="1" applyAlignment="1">
      <alignment horizontal="left" vertical="center" wrapText="1"/>
    </xf>
    <xf numFmtId="0" fontId="2" fillId="0" borderId="88"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3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4</xdr:row>
          <xdr:rowOff>9525</xdr:rowOff>
        </xdr:from>
        <xdr:to>
          <xdr:col>0</xdr:col>
          <xdr:colOff>885825</xdr:colOff>
          <xdr:row>4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5</xdr:row>
          <xdr:rowOff>0</xdr:rowOff>
        </xdr:from>
        <xdr:to>
          <xdr:col>0</xdr:col>
          <xdr:colOff>885825</xdr:colOff>
          <xdr:row>4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242"/>
  <sheetViews>
    <sheetView showGridLines="0" tabSelected="1" zoomScaleNormal="100" workbookViewId="0">
      <selection sqref="A1:E1"/>
    </sheetView>
  </sheetViews>
  <sheetFormatPr defaultRowHeight="12.75" x14ac:dyDescent="0.2"/>
  <cols>
    <col min="1" max="1" width="13.5703125" style="1" customWidth="1"/>
    <col min="2" max="2" width="98.570312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217" t="s">
        <v>62</v>
      </c>
      <c r="B1" s="217"/>
      <c r="C1" s="217"/>
      <c r="D1" s="217"/>
      <c r="E1" s="217"/>
    </row>
    <row r="2" spans="1:5" ht="27.75" customHeight="1" x14ac:dyDescent="0.2">
      <c r="A2" s="221" t="s">
        <v>59</v>
      </c>
      <c r="B2" s="221"/>
      <c r="C2" s="221"/>
      <c r="D2" s="221"/>
      <c r="E2" s="221"/>
    </row>
    <row r="3" spans="1:5" ht="54.75" customHeight="1" x14ac:dyDescent="0.2">
      <c r="A3" s="229" t="s">
        <v>66</v>
      </c>
      <c r="B3" s="229"/>
      <c r="C3" s="229"/>
      <c r="D3" s="229"/>
      <c r="E3" s="229"/>
    </row>
    <row r="4" spans="1:5" ht="24.95" customHeight="1" x14ac:dyDescent="0.2">
      <c r="A4" s="72" t="s">
        <v>65</v>
      </c>
      <c r="B4" s="97"/>
      <c r="C4" s="65"/>
      <c r="D4" s="65"/>
      <c r="E4" s="65"/>
    </row>
    <row r="5" spans="1:5" ht="24.95" customHeight="1" x14ac:dyDescent="0.2">
      <c r="A5" s="72" t="s">
        <v>63</v>
      </c>
      <c r="B5" s="98"/>
      <c r="C5" s="65"/>
      <c r="D5" s="65"/>
      <c r="E5" s="65"/>
    </row>
    <row r="6" spans="1:5" ht="5.0999999999999996" customHeight="1" x14ac:dyDescent="0.2">
      <c r="A6" s="65"/>
      <c r="B6" s="65"/>
      <c r="C6" s="65"/>
      <c r="D6" s="65"/>
      <c r="E6" s="65"/>
    </row>
    <row r="7" spans="1:5" s="2" customFormat="1" ht="20.100000000000001" customHeight="1" x14ac:dyDescent="0.25">
      <c r="A7" s="198" t="s">
        <v>5</v>
      </c>
      <c r="B7" s="198"/>
      <c r="C7" s="198"/>
      <c r="D7" s="198"/>
      <c r="E7" s="198"/>
    </row>
    <row r="8" spans="1:5" s="2" customFormat="1" ht="20.100000000000001" customHeight="1" x14ac:dyDescent="0.25">
      <c r="A8" s="230" t="s">
        <v>9</v>
      </c>
      <c r="B8" s="230"/>
      <c r="C8" s="230"/>
      <c r="D8" s="230"/>
      <c r="E8" s="230"/>
    </row>
    <row r="9" spans="1:5" ht="24.95" customHeight="1" x14ac:dyDescent="0.2">
      <c r="A9" s="231" t="s">
        <v>82</v>
      </c>
      <c r="B9" s="231"/>
      <c r="C9" s="231"/>
      <c r="D9" s="231"/>
      <c r="E9" s="231"/>
    </row>
    <row r="10" spans="1:5" ht="4.5" customHeight="1" x14ac:dyDescent="0.2">
      <c r="A10" s="67"/>
      <c r="B10" s="67"/>
      <c r="C10" s="67"/>
      <c r="D10" s="67"/>
      <c r="E10" s="67"/>
    </row>
    <row r="11" spans="1:5" s="2" customFormat="1" ht="20.100000000000001" customHeight="1" x14ac:dyDescent="0.25">
      <c r="A11" s="232" t="s">
        <v>10</v>
      </c>
      <c r="B11" s="232"/>
      <c r="C11" s="232"/>
      <c r="D11" s="232"/>
      <c r="E11" s="232"/>
    </row>
    <row r="12" spans="1:5" s="2" customFormat="1" ht="25.5" customHeight="1" x14ac:dyDescent="0.2">
      <c r="A12" s="218" t="s">
        <v>83</v>
      </c>
      <c r="B12" s="218"/>
      <c r="C12" s="218"/>
      <c r="D12" s="20"/>
      <c r="E12" s="20"/>
    </row>
    <row r="13" spans="1:5" s="3" customFormat="1" ht="20.100000000000001" customHeight="1" x14ac:dyDescent="0.25">
      <c r="A13" s="218" t="s">
        <v>27</v>
      </c>
      <c r="B13" s="218"/>
      <c r="C13" s="218"/>
      <c r="D13" s="28"/>
      <c r="E13" s="29"/>
    </row>
    <row r="14" spans="1:5" ht="4.5" customHeight="1" x14ac:dyDescent="0.2">
      <c r="A14" s="67"/>
      <c r="B14" s="67"/>
      <c r="C14" s="67"/>
      <c r="D14" s="67"/>
      <c r="E14" s="67"/>
    </row>
    <row r="15" spans="1:5" ht="20.100000000000001" customHeight="1" x14ac:dyDescent="0.2">
      <c r="A15" s="66" t="s">
        <v>11</v>
      </c>
      <c r="B15" s="30"/>
      <c r="C15" s="30"/>
      <c r="D15" s="31"/>
      <c r="E15" s="31"/>
    </row>
    <row r="16" spans="1:5" s="3" customFormat="1" ht="15.75" customHeight="1" x14ac:dyDescent="0.25">
      <c r="A16" s="238" t="s">
        <v>72</v>
      </c>
      <c r="B16" s="238"/>
      <c r="C16" s="238"/>
      <c r="D16" s="28"/>
      <c r="E16" s="29"/>
    </row>
    <row r="17" spans="1:5" ht="5.0999999999999996" customHeight="1" x14ac:dyDescent="0.2">
      <c r="A17" s="239"/>
      <c r="B17" s="239"/>
      <c r="C17" s="239"/>
      <c r="E17" s="21"/>
    </row>
    <row r="18" spans="1:5" s="2" customFormat="1" ht="20.100000000000001" customHeight="1" x14ac:dyDescent="0.25">
      <c r="A18" s="198" t="s">
        <v>24</v>
      </c>
      <c r="B18" s="198"/>
      <c r="C18" s="198"/>
      <c r="D18" s="198"/>
      <c r="E18" s="198"/>
    </row>
    <row r="19" spans="1:5" ht="24.95" customHeight="1" x14ac:dyDescent="0.2">
      <c r="A19" s="218" t="s">
        <v>84</v>
      </c>
      <c r="B19" s="218"/>
      <c r="C19" s="218"/>
      <c r="D19" s="218"/>
      <c r="E19" s="218"/>
    </row>
    <row r="20" spans="1:5" ht="5.0999999999999996" customHeight="1" x14ac:dyDescent="0.2">
      <c r="A20" s="239"/>
      <c r="B20" s="239"/>
      <c r="C20" s="239"/>
      <c r="E20" s="21"/>
    </row>
    <row r="21" spans="1:5" s="2" customFormat="1" ht="20.100000000000001" customHeight="1" x14ac:dyDescent="0.25">
      <c r="A21" s="198" t="s">
        <v>25</v>
      </c>
      <c r="B21" s="198"/>
      <c r="C21" s="198"/>
      <c r="D21" s="198"/>
      <c r="E21" s="198"/>
    </row>
    <row r="22" spans="1:5" s="9" customFormat="1" ht="20.100000000000001" customHeight="1" x14ac:dyDescent="0.25">
      <c r="A22" s="235" t="s">
        <v>6</v>
      </c>
      <c r="B22" s="235"/>
      <c r="C22" s="235"/>
      <c r="D22" s="235"/>
      <c r="E22" s="235"/>
    </row>
    <row r="23" spans="1:5" s="9" customFormat="1" ht="20.100000000000001" customHeight="1" x14ac:dyDescent="0.25">
      <c r="A23" s="219" t="s">
        <v>18</v>
      </c>
      <c r="B23" s="220"/>
      <c r="C23" s="19"/>
      <c r="D23" s="19"/>
      <c r="E23" s="19"/>
    </row>
    <row r="24" spans="1:5" s="9" customFormat="1" ht="20.100000000000001" customHeight="1" x14ac:dyDescent="0.25">
      <c r="A24" s="18"/>
      <c r="B24" s="18" t="s">
        <v>22</v>
      </c>
      <c r="C24" s="19"/>
      <c r="D24" s="19"/>
      <c r="E24" s="19"/>
    </row>
    <row r="25" spans="1:5" s="9" customFormat="1" ht="20.100000000000001" customHeight="1" x14ac:dyDescent="0.25">
      <c r="A25" s="18"/>
      <c r="B25" s="18" t="s">
        <v>23</v>
      </c>
      <c r="C25" s="19"/>
      <c r="D25" s="19"/>
      <c r="E25" s="19"/>
    </row>
    <row r="26" spans="1:5" s="9" customFormat="1" ht="20.100000000000001" customHeight="1" x14ac:dyDescent="0.25">
      <c r="A26" s="219" t="s">
        <v>19</v>
      </c>
      <c r="B26" s="220"/>
      <c r="C26" s="19"/>
      <c r="D26" s="19"/>
      <c r="E26" s="19"/>
    </row>
    <row r="27" spans="1:5" s="9" customFormat="1" ht="31.5" customHeight="1" x14ac:dyDescent="0.25">
      <c r="A27" s="25" t="s">
        <v>20</v>
      </c>
      <c r="B27" s="236" t="s">
        <v>13</v>
      </c>
      <c r="C27" s="237"/>
      <c r="D27" s="26" t="s">
        <v>12</v>
      </c>
      <c r="E27" s="26" t="s">
        <v>14</v>
      </c>
    </row>
    <row r="28" spans="1:5" s="9" customFormat="1" ht="24.95" customHeight="1" x14ac:dyDescent="0.25">
      <c r="A28" s="22" t="s">
        <v>2</v>
      </c>
      <c r="B28" s="222" t="s">
        <v>95</v>
      </c>
      <c r="C28" s="223"/>
      <c r="D28" s="23" t="s">
        <v>1</v>
      </c>
      <c r="E28" s="127">
        <v>12800</v>
      </c>
    </row>
    <row r="29" spans="1:5" s="9" customFormat="1" ht="24.95" customHeight="1" x14ac:dyDescent="0.25">
      <c r="A29" s="22" t="s">
        <v>85</v>
      </c>
      <c r="B29" s="100" t="s">
        <v>96</v>
      </c>
      <c r="C29" s="101"/>
      <c r="D29" s="23" t="s">
        <v>1</v>
      </c>
      <c r="E29" s="127">
        <v>2700</v>
      </c>
    </row>
    <row r="30" spans="1:5" s="9" customFormat="1" ht="24.95" customHeight="1" x14ac:dyDescent="0.25">
      <c r="A30" s="22" t="s">
        <v>86</v>
      </c>
      <c r="B30" s="100" t="s">
        <v>97</v>
      </c>
      <c r="C30" s="101"/>
      <c r="D30" s="23" t="s">
        <v>1</v>
      </c>
      <c r="E30" s="127">
        <v>3250</v>
      </c>
    </row>
    <row r="31" spans="1:5" s="9" customFormat="1" ht="24.95" customHeight="1" x14ac:dyDescent="0.25">
      <c r="A31" s="22" t="s">
        <v>87</v>
      </c>
      <c r="B31" s="100" t="s">
        <v>98</v>
      </c>
      <c r="C31" s="101"/>
      <c r="D31" s="23" t="s">
        <v>1</v>
      </c>
      <c r="E31" s="127">
        <v>44240</v>
      </c>
    </row>
    <row r="32" spans="1:5" s="9" customFormat="1" ht="24.95" customHeight="1" x14ac:dyDescent="0.25">
      <c r="A32" s="22" t="s">
        <v>88</v>
      </c>
      <c r="B32" s="100" t="s">
        <v>99</v>
      </c>
      <c r="C32" s="101"/>
      <c r="D32" s="23" t="s">
        <v>1</v>
      </c>
      <c r="E32" s="127">
        <v>900</v>
      </c>
    </row>
    <row r="33" spans="1:5" s="9" customFormat="1" ht="24.95" customHeight="1" x14ac:dyDescent="0.25">
      <c r="A33" s="22" t="s">
        <v>89</v>
      </c>
      <c r="B33" s="100" t="s">
        <v>100</v>
      </c>
      <c r="C33" s="101"/>
      <c r="D33" s="23" t="s">
        <v>1</v>
      </c>
      <c r="E33" s="127">
        <v>5720</v>
      </c>
    </row>
    <row r="34" spans="1:5" s="9" customFormat="1" ht="24.95" customHeight="1" x14ac:dyDescent="0.25">
      <c r="A34" s="22" t="s">
        <v>90</v>
      </c>
      <c r="B34" s="100" t="s">
        <v>101</v>
      </c>
      <c r="C34" s="101"/>
      <c r="D34" s="23" t="s">
        <v>1</v>
      </c>
      <c r="E34" s="127">
        <v>88975</v>
      </c>
    </row>
    <row r="35" spans="1:5" s="9" customFormat="1" ht="24.95" customHeight="1" x14ac:dyDescent="0.25">
      <c r="A35" s="22" t="s">
        <v>91</v>
      </c>
      <c r="B35" s="100" t="s">
        <v>102</v>
      </c>
      <c r="C35" s="101"/>
      <c r="D35" s="23" t="s">
        <v>1</v>
      </c>
      <c r="E35" s="127">
        <v>6175</v>
      </c>
    </row>
    <row r="36" spans="1:5" s="9" customFormat="1" ht="24.95" customHeight="1" x14ac:dyDescent="0.25">
      <c r="A36" s="164" t="s">
        <v>92</v>
      </c>
      <c r="B36" s="165" t="s">
        <v>308</v>
      </c>
      <c r="C36" s="166"/>
      <c r="D36" s="23" t="s">
        <v>1</v>
      </c>
      <c r="E36" s="127">
        <v>24000</v>
      </c>
    </row>
    <row r="37" spans="1:5" s="9" customFormat="1" ht="24.95" customHeight="1" x14ac:dyDescent="0.25">
      <c r="A37" s="164" t="s">
        <v>93</v>
      </c>
      <c r="B37" s="165" t="s">
        <v>325</v>
      </c>
      <c r="C37" s="166"/>
      <c r="D37" s="23" t="s">
        <v>1</v>
      </c>
      <c r="E37" s="127">
        <v>5000</v>
      </c>
    </row>
    <row r="38" spans="1:5" s="9" customFormat="1" ht="24.95" customHeight="1" x14ac:dyDescent="0.25">
      <c r="A38" s="164" t="s">
        <v>94</v>
      </c>
      <c r="B38" s="165" t="s">
        <v>326</v>
      </c>
      <c r="C38" s="166"/>
      <c r="D38" s="23" t="s">
        <v>1</v>
      </c>
      <c r="E38" s="127">
        <v>5000</v>
      </c>
    </row>
    <row r="39" spans="1:5" s="9" customFormat="1" ht="24.95" customHeight="1" x14ac:dyDescent="0.25">
      <c r="A39" s="164" t="s">
        <v>299</v>
      </c>
      <c r="B39" s="165" t="s">
        <v>303</v>
      </c>
      <c r="C39" s="166"/>
      <c r="D39" s="23" t="s">
        <v>1</v>
      </c>
      <c r="E39" s="127">
        <v>5000</v>
      </c>
    </row>
    <row r="40" spans="1:5" s="9" customFormat="1" ht="24.95" customHeight="1" x14ac:dyDescent="0.25">
      <c r="A40" s="164" t="s">
        <v>300</v>
      </c>
      <c r="B40" s="165" t="s">
        <v>304</v>
      </c>
      <c r="C40" s="166"/>
      <c r="D40" s="23" t="s">
        <v>1</v>
      </c>
      <c r="E40" s="127">
        <v>3000</v>
      </c>
    </row>
    <row r="41" spans="1:5" s="9" customFormat="1" ht="24.95" customHeight="1" x14ac:dyDescent="0.25">
      <c r="A41" s="22" t="s">
        <v>301</v>
      </c>
      <c r="B41" s="100" t="s">
        <v>104</v>
      </c>
      <c r="C41" s="101"/>
      <c r="D41" s="23" t="s">
        <v>1</v>
      </c>
      <c r="E41" s="127">
        <v>17000</v>
      </c>
    </row>
    <row r="42" spans="1:5" s="9" customFormat="1" ht="24.95" customHeight="1" x14ac:dyDescent="0.25">
      <c r="A42" s="22" t="s">
        <v>302</v>
      </c>
      <c r="B42" s="100" t="s">
        <v>103</v>
      </c>
      <c r="C42" s="101"/>
      <c r="D42" s="23" t="s">
        <v>1</v>
      </c>
      <c r="E42" s="127">
        <v>10000</v>
      </c>
    </row>
    <row r="43" spans="1:5" s="9" customFormat="1" ht="4.5" customHeight="1" x14ac:dyDescent="0.25">
      <c r="A43" s="19"/>
      <c r="B43" s="19"/>
      <c r="C43" s="19"/>
      <c r="D43" s="19"/>
      <c r="E43" s="19"/>
    </row>
    <row r="44" spans="1:5" s="9" customFormat="1" ht="20.100000000000001" customHeight="1" x14ac:dyDescent="0.25">
      <c r="A44" s="219" t="s">
        <v>21</v>
      </c>
      <c r="B44" s="220"/>
      <c r="C44" s="19"/>
      <c r="D44" s="19"/>
      <c r="E44" s="19"/>
    </row>
    <row r="45" spans="1:5" s="9" customFormat="1" ht="20.100000000000001" customHeight="1" x14ac:dyDescent="0.2">
      <c r="A45" s="10"/>
      <c r="B45" s="9" t="s">
        <v>3</v>
      </c>
      <c r="C45" s="19"/>
      <c r="D45" s="19"/>
      <c r="E45" s="19"/>
    </row>
    <row r="46" spans="1:5" s="9" customFormat="1" ht="20.100000000000001" customHeight="1" x14ac:dyDescent="0.25">
      <c r="A46" s="18"/>
      <c r="B46" s="2" t="s">
        <v>4</v>
      </c>
      <c r="C46" s="19"/>
      <c r="D46" s="19"/>
      <c r="E46" s="19"/>
    </row>
    <row r="47" spans="1:5" ht="5.0999999999999996" customHeight="1" x14ac:dyDescent="0.2"/>
    <row r="48" spans="1:5" s="2" customFormat="1" ht="20.100000000000001" customHeight="1" x14ac:dyDescent="0.25">
      <c r="A48" s="198" t="s">
        <v>26</v>
      </c>
      <c r="B48" s="198"/>
      <c r="C48" s="198"/>
      <c r="D48" s="198"/>
      <c r="E48" s="198"/>
    </row>
    <row r="49" spans="1:6" s="2" customFormat="1" ht="5.0999999999999996" customHeight="1" thickBot="1" x14ac:dyDescent="0.3">
      <c r="A49" s="21"/>
      <c r="C49" s="6"/>
      <c r="D49" s="6"/>
      <c r="E49" s="6"/>
    </row>
    <row r="50" spans="1:6" s="3" customFormat="1" ht="93" customHeight="1" x14ac:dyDescent="0.25">
      <c r="A50" s="203" t="s">
        <v>0</v>
      </c>
      <c r="B50" s="204"/>
      <c r="C50" s="207" t="s">
        <v>28</v>
      </c>
      <c r="D50" s="208"/>
      <c r="E50" s="209"/>
      <c r="F50" s="32"/>
    </row>
    <row r="51" spans="1:6" s="3" customFormat="1" ht="30" customHeight="1" thickBot="1" x14ac:dyDescent="0.3">
      <c r="A51" s="205"/>
      <c r="B51" s="206"/>
      <c r="C51" s="33" t="s">
        <v>29</v>
      </c>
      <c r="D51" s="233" t="s">
        <v>30</v>
      </c>
      <c r="E51" s="234"/>
    </row>
    <row r="52" spans="1:6" s="34" customFormat="1" ht="30.75" customHeight="1" x14ac:dyDescent="0.25">
      <c r="A52" s="183" t="s">
        <v>106</v>
      </c>
      <c r="B52" s="184"/>
      <c r="C52" s="92"/>
      <c r="D52" s="90"/>
      <c r="E52" s="91"/>
    </row>
    <row r="53" spans="1:6" s="4" customFormat="1" ht="24.95" customHeight="1" x14ac:dyDescent="0.25">
      <c r="A53" s="115" t="s">
        <v>115</v>
      </c>
      <c r="B53" s="94" t="s">
        <v>108</v>
      </c>
      <c r="C53" s="82"/>
      <c r="D53" s="179"/>
      <c r="E53" s="180"/>
    </row>
    <row r="54" spans="1:6" s="4" customFormat="1" ht="24.95" customHeight="1" x14ac:dyDescent="0.25">
      <c r="A54" s="115" t="s">
        <v>116</v>
      </c>
      <c r="B54" s="93" t="s">
        <v>109</v>
      </c>
      <c r="C54" s="82"/>
      <c r="D54" s="179"/>
      <c r="E54" s="180"/>
    </row>
    <row r="55" spans="1:6" s="4" customFormat="1" ht="24.95" customHeight="1" x14ac:dyDescent="0.25">
      <c r="A55" s="115" t="s">
        <v>117</v>
      </c>
      <c r="B55" s="93" t="s">
        <v>110</v>
      </c>
      <c r="C55" s="82"/>
      <c r="D55" s="179"/>
      <c r="E55" s="180"/>
    </row>
    <row r="56" spans="1:6" s="4" customFormat="1" ht="24.95" customHeight="1" x14ac:dyDescent="0.25">
      <c r="A56" s="115" t="s">
        <v>118</v>
      </c>
      <c r="B56" s="93" t="s">
        <v>111</v>
      </c>
      <c r="C56" s="82"/>
      <c r="D56" s="179"/>
      <c r="E56" s="180"/>
    </row>
    <row r="57" spans="1:6" s="4" customFormat="1" ht="24.95" customHeight="1" x14ac:dyDescent="0.25">
      <c r="A57" s="115" t="s">
        <v>119</v>
      </c>
      <c r="B57" s="94" t="s">
        <v>112</v>
      </c>
      <c r="C57" s="82"/>
      <c r="D57" s="179"/>
      <c r="E57" s="180"/>
    </row>
    <row r="58" spans="1:6" s="4" customFormat="1" ht="24.95" customHeight="1" x14ac:dyDescent="0.25">
      <c r="A58" s="115" t="s">
        <v>120</v>
      </c>
      <c r="B58" s="94" t="s">
        <v>113</v>
      </c>
      <c r="C58" s="82"/>
      <c r="D58" s="179"/>
      <c r="E58" s="180"/>
    </row>
    <row r="59" spans="1:6" s="4" customFormat="1" ht="24.95" customHeight="1" x14ac:dyDescent="0.25">
      <c r="A59" s="116" t="s">
        <v>121</v>
      </c>
      <c r="B59" s="99" t="s">
        <v>114</v>
      </c>
      <c r="C59" s="82"/>
      <c r="D59" s="179"/>
      <c r="E59" s="180"/>
    </row>
    <row r="60" spans="1:6" s="4" customFormat="1" ht="24.95" customHeight="1" thickBot="1" x14ac:dyDescent="0.3">
      <c r="A60" s="171" t="s">
        <v>122</v>
      </c>
      <c r="B60" s="123" t="s">
        <v>311</v>
      </c>
      <c r="C60" s="83"/>
      <c r="D60" s="181"/>
      <c r="E60" s="182"/>
    </row>
    <row r="61" spans="1:6" s="4" customFormat="1" ht="24.95" customHeight="1" x14ac:dyDescent="0.25">
      <c r="A61" s="183" t="s">
        <v>107</v>
      </c>
      <c r="B61" s="184"/>
      <c r="C61" s="81"/>
      <c r="D61" s="185"/>
      <c r="E61" s="186"/>
    </row>
    <row r="62" spans="1:6" s="4" customFormat="1" ht="24.95" customHeight="1" x14ac:dyDescent="0.25">
      <c r="A62" s="84" t="s">
        <v>124</v>
      </c>
      <c r="B62" s="94" t="s">
        <v>108</v>
      </c>
      <c r="C62" s="82"/>
      <c r="D62" s="179"/>
      <c r="E62" s="180"/>
    </row>
    <row r="63" spans="1:6" s="4" customFormat="1" ht="24.95" customHeight="1" x14ac:dyDescent="0.25">
      <c r="A63" s="84" t="s">
        <v>125</v>
      </c>
      <c r="B63" s="93" t="s">
        <v>109</v>
      </c>
      <c r="C63" s="82"/>
      <c r="D63" s="179"/>
      <c r="E63" s="180"/>
    </row>
    <row r="64" spans="1:6" s="4" customFormat="1" ht="24.95" customHeight="1" x14ac:dyDescent="0.25">
      <c r="A64" s="84" t="s">
        <v>126</v>
      </c>
      <c r="B64" s="93" t="s">
        <v>110</v>
      </c>
      <c r="C64" s="82"/>
      <c r="D64" s="179"/>
      <c r="E64" s="180"/>
    </row>
    <row r="65" spans="1:5" s="4" customFormat="1" ht="24.95" customHeight="1" x14ac:dyDescent="0.25">
      <c r="A65" s="84" t="s">
        <v>127</v>
      </c>
      <c r="B65" s="93" t="s">
        <v>111</v>
      </c>
      <c r="C65" s="82"/>
      <c r="D65" s="179"/>
      <c r="E65" s="180"/>
    </row>
    <row r="66" spans="1:5" s="4" customFormat="1" ht="24.95" customHeight="1" x14ac:dyDescent="0.25">
      <c r="A66" s="84" t="s">
        <v>128</v>
      </c>
      <c r="B66" s="94" t="s">
        <v>112</v>
      </c>
      <c r="C66" s="82"/>
      <c r="D66" s="179"/>
      <c r="E66" s="180"/>
    </row>
    <row r="67" spans="1:5" s="4" customFormat="1" ht="24.95" customHeight="1" x14ac:dyDescent="0.25">
      <c r="A67" s="84" t="s">
        <v>129</v>
      </c>
      <c r="B67" s="94" t="s">
        <v>113</v>
      </c>
      <c r="C67" s="82"/>
      <c r="D67" s="179"/>
      <c r="E67" s="180"/>
    </row>
    <row r="68" spans="1:5" s="4" customFormat="1" ht="24.95" customHeight="1" x14ac:dyDescent="0.25">
      <c r="A68" s="84" t="s">
        <v>130</v>
      </c>
      <c r="B68" s="99" t="s">
        <v>123</v>
      </c>
      <c r="C68" s="82"/>
      <c r="D68" s="179"/>
      <c r="E68" s="180"/>
    </row>
    <row r="69" spans="1:5" s="4" customFormat="1" ht="24.95" customHeight="1" thickBot="1" x14ac:dyDescent="0.3">
      <c r="A69" s="122" t="s">
        <v>131</v>
      </c>
      <c r="B69" s="163" t="s">
        <v>311</v>
      </c>
      <c r="C69" s="83"/>
      <c r="D69" s="224"/>
      <c r="E69" s="225"/>
    </row>
    <row r="70" spans="1:5" s="4" customFormat="1" ht="24.95" customHeight="1" x14ac:dyDescent="0.25">
      <c r="A70" s="183" t="s">
        <v>132</v>
      </c>
      <c r="B70" s="184"/>
      <c r="C70" s="125"/>
      <c r="D70" s="185"/>
      <c r="E70" s="186"/>
    </row>
    <row r="71" spans="1:5" s="4" customFormat="1" ht="24.95" customHeight="1" x14ac:dyDescent="0.25">
      <c r="A71" s="84" t="s">
        <v>138</v>
      </c>
      <c r="B71" s="94" t="s">
        <v>133</v>
      </c>
      <c r="C71" s="82"/>
      <c r="D71" s="179"/>
      <c r="E71" s="180"/>
    </row>
    <row r="72" spans="1:5" s="4" customFormat="1" ht="24.95" customHeight="1" x14ac:dyDescent="0.25">
      <c r="A72" s="84" t="s">
        <v>139</v>
      </c>
      <c r="B72" s="93" t="s">
        <v>109</v>
      </c>
      <c r="C72" s="82"/>
      <c r="D72" s="179"/>
      <c r="E72" s="180"/>
    </row>
    <row r="73" spans="1:5" s="4" customFormat="1" ht="24.95" customHeight="1" x14ac:dyDescent="0.25">
      <c r="A73" s="84" t="s">
        <v>140</v>
      </c>
      <c r="B73" s="93" t="s">
        <v>134</v>
      </c>
      <c r="C73" s="82"/>
      <c r="D73" s="179"/>
      <c r="E73" s="180"/>
    </row>
    <row r="74" spans="1:5" s="4" customFormat="1" ht="24.95" customHeight="1" x14ac:dyDescent="0.25">
      <c r="A74" s="84" t="s">
        <v>141</v>
      </c>
      <c r="B74" s="93" t="s">
        <v>135</v>
      </c>
      <c r="C74" s="82"/>
      <c r="D74" s="179"/>
      <c r="E74" s="180"/>
    </row>
    <row r="75" spans="1:5" s="4" customFormat="1" ht="24.95" customHeight="1" x14ac:dyDescent="0.25">
      <c r="A75" s="84" t="s">
        <v>142</v>
      </c>
      <c r="B75" s="94" t="s">
        <v>136</v>
      </c>
      <c r="C75" s="82"/>
      <c r="D75" s="179"/>
      <c r="E75" s="180"/>
    </row>
    <row r="76" spans="1:5" s="4" customFormat="1" ht="24.95" customHeight="1" x14ac:dyDescent="0.25">
      <c r="A76" s="84" t="s">
        <v>143</v>
      </c>
      <c r="B76" s="94" t="s">
        <v>113</v>
      </c>
      <c r="C76" s="82"/>
      <c r="D76" s="179"/>
      <c r="E76" s="180"/>
    </row>
    <row r="77" spans="1:5" s="4" customFormat="1" ht="24.95" customHeight="1" x14ac:dyDescent="0.25">
      <c r="A77" s="84" t="s">
        <v>144</v>
      </c>
      <c r="B77" s="99" t="s">
        <v>137</v>
      </c>
      <c r="C77" s="82"/>
      <c r="D77" s="179"/>
      <c r="E77" s="180"/>
    </row>
    <row r="78" spans="1:5" s="4" customFormat="1" ht="24.95" customHeight="1" thickBot="1" x14ac:dyDescent="0.3">
      <c r="A78" s="84" t="s">
        <v>145</v>
      </c>
      <c r="B78" s="163" t="s">
        <v>311</v>
      </c>
      <c r="C78" s="83"/>
      <c r="D78" s="224"/>
      <c r="E78" s="225"/>
    </row>
    <row r="79" spans="1:5" s="4" customFormat="1" ht="24.95" customHeight="1" x14ac:dyDescent="0.25">
      <c r="A79" s="183" t="s">
        <v>146</v>
      </c>
      <c r="B79" s="184"/>
      <c r="C79" s="125"/>
      <c r="D79" s="185"/>
      <c r="E79" s="186"/>
    </row>
    <row r="80" spans="1:5" s="4" customFormat="1" ht="24.95" customHeight="1" x14ac:dyDescent="0.25">
      <c r="A80" s="84" t="s">
        <v>152</v>
      </c>
      <c r="B80" s="94" t="s">
        <v>108</v>
      </c>
      <c r="C80" s="82"/>
      <c r="D80" s="179"/>
      <c r="E80" s="180"/>
    </row>
    <row r="81" spans="1:5" s="4" customFormat="1" ht="24.95" customHeight="1" x14ac:dyDescent="0.25">
      <c r="A81" s="84" t="s">
        <v>153</v>
      </c>
      <c r="B81" s="93" t="s">
        <v>147</v>
      </c>
      <c r="C81" s="82"/>
      <c r="D81" s="179"/>
      <c r="E81" s="180"/>
    </row>
    <row r="82" spans="1:5" s="4" customFormat="1" ht="24.95" customHeight="1" x14ac:dyDescent="0.25">
      <c r="A82" s="84" t="s">
        <v>154</v>
      </c>
      <c r="B82" s="93" t="s">
        <v>148</v>
      </c>
      <c r="C82" s="82"/>
      <c r="D82" s="179"/>
      <c r="E82" s="180"/>
    </row>
    <row r="83" spans="1:5" s="4" customFormat="1" ht="24.95" customHeight="1" x14ac:dyDescent="0.25">
      <c r="A83" s="84" t="s">
        <v>155</v>
      </c>
      <c r="B83" s="93" t="s">
        <v>149</v>
      </c>
      <c r="C83" s="82"/>
      <c r="D83" s="179"/>
      <c r="E83" s="180"/>
    </row>
    <row r="84" spans="1:5" s="4" customFormat="1" ht="24.95" customHeight="1" x14ac:dyDescent="0.25">
      <c r="A84" s="84" t="s">
        <v>156</v>
      </c>
      <c r="B84" s="94" t="s">
        <v>150</v>
      </c>
      <c r="C84" s="82"/>
      <c r="D84" s="179"/>
      <c r="E84" s="180"/>
    </row>
    <row r="85" spans="1:5" s="4" customFormat="1" ht="25.5" customHeight="1" x14ac:dyDescent="0.25">
      <c r="A85" s="84" t="s">
        <v>157</v>
      </c>
      <c r="B85" s="94" t="s">
        <v>151</v>
      </c>
      <c r="C85" s="82"/>
      <c r="D85" s="179"/>
      <c r="E85" s="180"/>
    </row>
    <row r="86" spans="1:5" s="4" customFormat="1" ht="25.5" customHeight="1" thickBot="1" x14ac:dyDescent="0.3">
      <c r="A86" s="161" t="s">
        <v>158</v>
      </c>
      <c r="B86" s="123" t="s">
        <v>328</v>
      </c>
      <c r="C86" s="151"/>
      <c r="D86" s="240"/>
      <c r="E86" s="241"/>
    </row>
    <row r="87" spans="1:5" s="4" customFormat="1" ht="24.95" customHeight="1" x14ac:dyDescent="0.25">
      <c r="A87" s="183" t="s">
        <v>159</v>
      </c>
      <c r="B87" s="184"/>
      <c r="C87" s="82"/>
      <c r="D87" s="185"/>
      <c r="E87" s="186"/>
    </row>
    <row r="88" spans="1:5" s="4" customFormat="1" ht="24.95" customHeight="1" x14ac:dyDescent="0.25">
      <c r="A88" s="84" t="s">
        <v>312</v>
      </c>
      <c r="B88" s="94" t="s">
        <v>160</v>
      </c>
      <c r="C88" s="82"/>
      <c r="D88" s="179"/>
      <c r="E88" s="180"/>
    </row>
    <row r="89" spans="1:5" s="4" customFormat="1" ht="24.95" customHeight="1" x14ac:dyDescent="0.25">
      <c r="A89" s="84" t="s">
        <v>313</v>
      </c>
      <c r="B89" s="93" t="s">
        <v>161</v>
      </c>
      <c r="C89" s="82"/>
      <c r="D89" s="179"/>
      <c r="E89" s="180"/>
    </row>
    <row r="90" spans="1:5" s="4" customFormat="1" ht="24.95" customHeight="1" x14ac:dyDescent="0.25">
      <c r="A90" s="84" t="s">
        <v>314</v>
      </c>
      <c r="B90" s="93" t="s">
        <v>148</v>
      </c>
      <c r="C90" s="82"/>
      <c r="D90" s="179"/>
      <c r="E90" s="180"/>
    </row>
    <row r="91" spans="1:5" s="4" customFormat="1" ht="24.95" customHeight="1" x14ac:dyDescent="0.25">
      <c r="A91" s="84" t="s">
        <v>315</v>
      </c>
      <c r="B91" s="93" t="s">
        <v>149</v>
      </c>
      <c r="C91" s="82"/>
      <c r="D91" s="179"/>
      <c r="E91" s="180"/>
    </row>
    <row r="92" spans="1:5" s="4" customFormat="1" ht="24.95" customHeight="1" x14ac:dyDescent="0.25">
      <c r="A92" s="84" t="s">
        <v>316</v>
      </c>
      <c r="B92" s="94" t="s">
        <v>150</v>
      </c>
      <c r="C92" s="82"/>
      <c r="D92" s="179"/>
      <c r="E92" s="180"/>
    </row>
    <row r="93" spans="1:5" s="4" customFormat="1" ht="24.95" customHeight="1" x14ac:dyDescent="0.25">
      <c r="A93" s="84" t="s">
        <v>317</v>
      </c>
      <c r="B93" s="94" t="s">
        <v>151</v>
      </c>
      <c r="C93" s="82"/>
      <c r="D93" s="179"/>
      <c r="E93" s="180"/>
    </row>
    <row r="94" spans="1:5" s="4" customFormat="1" ht="25.5" customHeight="1" thickBot="1" x14ac:dyDescent="0.3">
      <c r="A94" s="161" t="s">
        <v>318</v>
      </c>
      <c r="B94" s="123" t="s">
        <v>328</v>
      </c>
      <c r="C94" s="151"/>
      <c r="D94" s="240"/>
      <c r="E94" s="241"/>
    </row>
    <row r="95" spans="1:5" s="34" customFormat="1" ht="30.75" customHeight="1" x14ac:dyDescent="0.25">
      <c r="A95" s="183" t="s">
        <v>162</v>
      </c>
      <c r="B95" s="184"/>
      <c r="C95" s="92"/>
      <c r="D95" s="185"/>
      <c r="E95" s="186"/>
    </row>
    <row r="96" spans="1:5" s="4" customFormat="1" ht="24.95" customHeight="1" x14ac:dyDescent="0.25">
      <c r="A96" s="115" t="s">
        <v>33</v>
      </c>
      <c r="B96" s="94" t="s">
        <v>163</v>
      </c>
      <c r="C96" s="82"/>
      <c r="D96" s="179"/>
      <c r="E96" s="180"/>
    </row>
    <row r="97" spans="1:5" s="4" customFormat="1" ht="24.95" customHeight="1" x14ac:dyDescent="0.25">
      <c r="A97" s="115" t="s">
        <v>34</v>
      </c>
      <c r="B97" s="93" t="s">
        <v>164</v>
      </c>
      <c r="C97" s="82"/>
      <c r="D97" s="179"/>
      <c r="E97" s="180"/>
    </row>
    <row r="98" spans="1:5" s="4" customFormat="1" ht="24.95" customHeight="1" x14ac:dyDescent="0.25">
      <c r="A98" s="115" t="s">
        <v>35</v>
      </c>
      <c r="B98" s="93" t="s">
        <v>165</v>
      </c>
      <c r="C98" s="82"/>
      <c r="D98" s="179"/>
      <c r="E98" s="180"/>
    </row>
    <row r="99" spans="1:5" s="4" customFormat="1" ht="24.95" customHeight="1" x14ac:dyDescent="0.25">
      <c r="A99" s="115" t="s">
        <v>168</v>
      </c>
      <c r="B99" s="93" t="s">
        <v>166</v>
      </c>
      <c r="C99" s="82"/>
      <c r="D99" s="179"/>
      <c r="E99" s="180"/>
    </row>
    <row r="100" spans="1:5" s="4" customFormat="1" ht="24.95" customHeight="1" x14ac:dyDescent="0.25">
      <c r="A100" s="115" t="s">
        <v>169</v>
      </c>
      <c r="B100" s="94" t="s">
        <v>167</v>
      </c>
      <c r="C100" s="82"/>
      <c r="D100" s="179"/>
      <c r="E100" s="180"/>
    </row>
    <row r="101" spans="1:5" s="4" customFormat="1" ht="25.5" customHeight="1" thickBot="1" x14ac:dyDescent="0.3">
      <c r="A101" s="161" t="s">
        <v>170</v>
      </c>
      <c r="B101" s="123" t="s">
        <v>328</v>
      </c>
      <c r="C101" s="151"/>
      <c r="D101" s="240"/>
      <c r="E101" s="241"/>
    </row>
    <row r="102" spans="1:5" s="4" customFormat="1" ht="24.95" customHeight="1" x14ac:dyDescent="0.25">
      <c r="A102" s="183" t="s">
        <v>171</v>
      </c>
      <c r="B102" s="184"/>
      <c r="C102" s="82"/>
      <c r="D102" s="185"/>
      <c r="E102" s="186"/>
    </row>
    <row r="103" spans="1:5" s="4" customFormat="1" ht="24.95" customHeight="1" x14ac:dyDescent="0.25">
      <c r="A103" s="84" t="s">
        <v>174</v>
      </c>
      <c r="B103" s="94" t="s">
        <v>163</v>
      </c>
      <c r="C103" s="82"/>
      <c r="D103" s="179"/>
      <c r="E103" s="180"/>
    </row>
    <row r="104" spans="1:5" s="4" customFormat="1" ht="24.95" customHeight="1" x14ac:dyDescent="0.25">
      <c r="A104" s="84" t="s">
        <v>175</v>
      </c>
      <c r="B104" s="93" t="s">
        <v>164</v>
      </c>
      <c r="C104" s="82"/>
      <c r="D104" s="179"/>
      <c r="E104" s="180"/>
    </row>
    <row r="105" spans="1:5" s="4" customFormat="1" ht="24.95" customHeight="1" x14ac:dyDescent="0.25">
      <c r="A105" s="84" t="s">
        <v>176</v>
      </c>
      <c r="B105" s="93" t="s">
        <v>172</v>
      </c>
      <c r="C105" s="82"/>
      <c r="D105" s="179"/>
      <c r="E105" s="180"/>
    </row>
    <row r="106" spans="1:5" s="4" customFormat="1" ht="24.95" customHeight="1" x14ac:dyDescent="0.25">
      <c r="A106" s="84" t="s">
        <v>177</v>
      </c>
      <c r="B106" s="93" t="s">
        <v>173</v>
      </c>
      <c r="C106" s="82"/>
      <c r="D106" s="179"/>
      <c r="E106" s="180"/>
    </row>
    <row r="107" spans="1:5" s="4" customFormat="1" ht="24.95" customHeight="1" x14ac:dyDescent="0.25">
      <c r="A107" s="84" t="s">
        <v>178</v>
      </c>
      <c r="B107" s="94" t="s">
        <v>151</v>
      </c>
      <c r="C107" s="82"/>
      <c r="D107" s="179"/>
      <c r="E107" s="180"/>
    </row>
    <row r="108" spans="1:5" s="4" customFormat="1" ht="25.5" customHeight="1" thickBot="1" x14ac:dyDescent="0.3">
      <c r="A108" s="161" t="s">
        <v>179</v>
      </c>
      <c r="B108" s="123" t="s">
        <v>328</v>
      </c>
      <c r="C108" s="151"/>
      <c r="D108" s="240"/>
      <c r="E108" s="241"/>
    </row>
    <row r="109" spans="1:5" s="4" customFormat="1" ht="24.95" customHeight="1" x14ac:dyDescent="0.25">
      <c r="A109" s="183" t="s">
        <v>180</v>
      </c>
      <c r="B109" s="184"/>
      <c r="C109" s="82"/>
      <c r="D109" s="195"/>
      <c r="E109" s="196"/>
    </row>
    <row r="110" spans="1:5" s="4" customFormat="1" ht="24.95" customHeight="1" x14ac:dyDescent="0.25">
      <c r="A110" s="84" t="s">
        <v>184</v>
      </c>
      <c r="B110" s="94" t="s">
        <v>181</v>
      </c>
      <c r="C110" s="82"/>
      <c r="D110" s="179"/>
      <c r="E110" s="180"/>
    </row>
    <row r="111" spans="1:5" s="4" customFormat="1" ht="24.95" customHeight="1" x14ac:dyDescent="0.25">
      <c r="A111" s="84" t="s">
        <v>185</v>
      </c>
      <c r="B111" s="93" t="s">
        <v>182</v>
      </c>
      <c r="C111" s="82"/>
      <c r="D111" s="179"/>
      <c r="E111" s="180"/>
    </row>
    <row r="112" spans="1:5" s="4" customFormat="1" ht="24.95" customHeight="1" x14ac:dyDescent="0.25">
      <c r="A112" s="84" t="s">
        <v>186</v>
      </c>
      <c r="B112" s="93" t="s">
        <v>183</v>
      </c>
      <c r="C112" s="82"/>
      <c r="D112" s="179"/>
      <c r="E112" s="180"/>
    </row>
    <row r="113" spans="1:5" s="4" customFormat="1" ht="24.95" customHeight="1" x14ac:dyDescent="0.25">
      <c r="A113" s="84" t="s">
        <v>187</v>
      </c>
      <c r="B113" s="93" t="s">
        <v>173</v>
      </c>
      <c r="C113" s="82"/>
      <c r="D113" s="179"/>
      <c r="E113" s="180"/>
    </row>
    <row r="114" spans="1:5" s="4" customFormat="1" ht="24.95" customHeight="1" x14ac:dyDescent="0.25">
      <c r="A114" s="84" t="s">
        <v>188</v>
      </c>
      <c r="B114" s="94" t="s">
        <v>151</v>
      </c>
      <c r="C114" s="82"/>
      <c r="D114" s="179"/>
      <c r="E114" s="180"/>
    </row>
    <row r="115" spans="1:5" s="4" customFormat="1" ht="25.5" customHeight="1" thickBot="1" x14ac:dyDescent="0.3">
      <c r="A115" s="172" t="s">
        <v>189</v>
      </c>
      <c r="B115" s="123" t="s">
        <v>328</v>
      </c>
      <c r="C115" s="83"/>
      <c r="D115" s="240"/>
      <c r="E115" s="241"/>
    </row>
    <row r="116" spans="1:5" s="4" customFormat="1" ht="24.95" customHeight="1" x14ac:dyDescent="0.25">
      <c r="A116" s="183" t="s">
        <v>323</v>
      </c>
      <c r="B116" s="184"/>
      <c r="C116" s="81"/>
      <c r="D116" s="185"/>
      <c r="E116" s="186"/>
    </row>
    <row r="117" spans="1:5" s="4" customFormat="1" ht="24.95" customHeight="1" x14ac:dyDescent="0.25">
      <c r="A117" s="162" t="s">
        <v>194</v>
      </c>
      <c r="B117" s="94" t="s">
        <v>324</v>
      </c>
      <c r="C117" s="82"/>
      <c r="D117" s="179"/>
      <c r="E117" s="180"/>
    </row>
    <row r="118" spans="1:5" s="4" customFormat="1" ht="24.95" customHeight="1" x14ac:dyDescent="0.25">
      <c r="A118" s="84" t="s">
        <v>195</v>
      </c>
      <c r="B118" s="93" t="s">
        <v>190</v>
      </c>
      <c r="C118" s="82"/>
      <c r="D118" s="179"/>
      <c r="E118" s="180"/>
    </row>
    <row r="119" spans="1:5" s="4" customFormat="1" ht="24.95" customHeight="1" x14ac:dyDescent="0.25">
      <c r="A119" s="84" t="s">
        <v>196</v>
      </c>
      <c r="B119" s="93" t="s">
        <v>191</v>
      </c>
      <c r="C119" s="82"/>
      <c r="D119" s="179"/>
      <c r="E119" s="180"/>
    </row>
    <row r="120" spans="1:5" s="4" customFormat="1" ht="24.95" customHeight="1" x14ac:dyDescent="0.25">
      <c r="A120" s="84" t="s">
        <v>197</v>
      </c>
      <c r="B120" s="93" t="s">
        <v>166</v>
      </c>
      <c r="C120" s="82"/>
      <c r="D120" s="179"/>
      <c r="E120" s="180"/>
    </row>
    <row r="121" spans="1:5" s="4" customFormat="1" ht="24.95" customHeight="1" x14ac:dyDescent="0.25">
      <c r="A121" s="84" t="s">
        <v>198</v>
      </c>
      <c r="B121" s="93" t="s">
        <v>192</v>
      </c>
      <c r="C121" s="82"/>
      <c r="D121" s="179"/>
      <c r="E121" s="180"/>
    </row>
    <row r="122" spans="1:5" s="4" customFormat="1" ht="24.95" customHeight="1" x14ac:dyDescent="0.25">
      <c r="A122" s="84" t="s">
        <v>199</v>
      </c>
      <c r="B122" s="94" t="s">
        <v>193</v>
      </c>
      <c r="C122" s="82"/>
      <c r="D122" s="179"/>
      <c r="E122" s="180"/>
    </row>
    <row r="123" spans="1:5" s="4" customFormat="1" ht="25.5" customHeight="1" thickBot="1" x14ac:dyDescent="0.3">
      <c r="A123" s="161" t="s">
        <v>200</v>
      </c>
      <c r="B123" s="123" t="s">
        <v>328</v>
      </c>
      <c r="C123" s="151"/>
      <c r="D123" s="240"/>
      <c r="E123" s="241"/>
    </row>
    <row r="124" spans="1:5" s="4" customFormat="1" ht="24.95" customHeight="1" x14ac:dyDescent="0.25">
      <c r="A124" s="183" t="s">
        <v>250</v>
      </c>
      <c r="B124" s="184"/>
      <c r="C124" s="81"/>
      <c r="D124" s="185"/>
      <c r="E124" s="186"/>
    </row>
    <row r="125" spans="1:5" s="4" customFormat="1" ht="24.95" customHeight="1" x14ac:dyDescent="0.25">
      <c r="A125" s="84" t="s">
        <v>206</v>
      </c>
      <c r="B125" s="94" t="s">
        <v>322</v>
      </c>
      <c r="C125" s="82"/>
      <c r="D125" s="179"/>
      <c r="E125" s="180"/>
    </row>
    <row r="126" spans="1:5" s="4" customFormat="1" ht="24.95" customHeight="1" x14ac:dyDescent="0.25">
      <c r="A126" s="84" t="s">
        <v>207</v>
      </c>
      <c r="B126" s="93" t="s">
        <v>249</v>
      </c>
      <c r="C126" s="82"/>
      <c r="D126" s="179"/>
      <c r="E126" s="180"/>
    </row>
    <row r="127" spans="1:5" s="4" customFormat="1" ht="24.95" customHeight="1" x14ac:dyDescent="0.25">
      <c r="A127" s="84" t="s">
        <v>208</v>
      </c>
      <c r="B127" s="93" t="s">
        <v>251</v>
      </c>
      <c r="C127" s="82"/>
      <c r="D127" s="179"/>
      <c r="E127" s="180"/>
    </row>
    <row r="128" spans="1:5" s="4" customFormat="1" ht="24.95" customHeight="1" x14ac:dyDescent="0.25">
      <c r="A128" s="84" t="s">
        <v>209</v>
      </c>
      <c r="B128" s="93" t="s">
        <v>166</v>
      </c>
      <c r="C128" s="82"/>
      <c r="D128" s="179"/>
      <c r="E128" s="180"/>
    </row>
    <row r="129" spans="1:5" s="4" customFormat="1" ht="24.95" customHeight="1" x14ac:dyDescent="0.25">
      <c r="A129" s="84" t="s">
        <v>210</v>
      </c>
      <c r="B129" s="93" t="s">
        <v>252</v>
      </c>
      <c r="C129" s="82"/>
      <c r="D129" s="179"/>
      <c r="E129" s="180"/>
    </row>
    <row r="130" spans="1:5" s="4" customFormat="1" ht="24.95" customHeight="1" x14ac:dyDescent="0.25">
      <c r="A130" s="84" t="s">
        <v>211</v>
      </c>
      <c r="B130" s="94" t="s">
        <v>253</v>
      </c>
      <c r="C130" s="82"/>
      <c r="D130" s="179"/>
      <c r="E130" s="180"/>
    </row>
    <row r="131" spans="1:5" s="4" customFormat="1" ht="25.5" customHeight="1" thickBot="1" x14ac:dyDescent="0.3">
      <c r="A131" s="161" t="s">
        <v>212</v>
      </c>
      <c r="B131" s="123" t="s">
        <v>328</v>
      </c>
      <c r="C131" s="151"/>
      <c r="D131" s="240"/>
      <c r="E131" s="241"/>
    </row>
    <row r="132" spans="1:5" s="4" customFormat="1" ht="24.95" customHeight="1" x14ac:dyDescent="0.25">
      <c r="A132" s="183" t="s">
        <v>321</v>
      </c>
      <c r="B132" s="184"/>
      <c r="C132" s="81"/>
      <c r="D132" s="185"/>
      <c r="E132" s="186"/>
    </row>
    <row r="133" spans="1:5" s="4" customFormat="1" ht="24.95" customHeight="1" x14ac:dyDescent="0.25">
      <c r="A133" s="84" t="s">
        <v>215</v>
      </c>
      <c r="B133" s="94" t="s">
        <v>320</v>
      </c>
      <c r="C133" s="82"/>
      <c r="D133" s="179"/>
      <c r="E133" s="180"/>
    </row>
    <row r="134" spans="1:5" s="4" customFormat="1" ht="24.95" customHeight="1" x14ac:dyDescent="0.25">
      <c r="A134" s="84" t="s">
        <v>216</v>
      </c>
      <c r="B134" s="93" t="s">
        <v>254</v>
      </c>
      <c r="C134" s="82"/>
      <c r="D134" s="179"/>
      <c r="E134" s="180"/>
    </row>
    <row r="135" spans="1:5" s="4" customFormat="1" ht="24.95" customHeight="1" x14ac:dyDescent="0.25">
      <c r="A135" s="84" t="s">
        <v>217</v>
      </c>
      <c r="B135" s="93" t="s">
        <v>255</v>
      </c>
      <c r="C135" s="82"/>
      <c r="D135" s="179"/>
      <c r="E135" s="180"/>
    </row>
    <row r="136" spans="1:5" s="4" customFormat="1" ht="24.95" customHeight="1" x14ac:dyDescent="0.25">
      <c r="A136" s="84" t="s">
        <v>218</v>
      </c>
      <c r="B136" s="93" t="s">
        <v>166</v>
      </c>
      <c r="C136" s="82"/>
      <c r="D136" s="179"/>
      <c r="E136" s="180"/>
    </row>
    <row r="137" spans="1:5" s="4" customFormat="1" ht="24.95" customHeight="1" x14ac:dyDescent="0.25">
      <c r="A137" s="84" t="s">
        <v>219</v>
      </c>
      <c r="B137" s="93" t="s">
        <v>256</v>
      </c>
      <c r="C137" s="82"/>
      <c r="D137" s="179"/>
      <c r="E137" s="180"/>
    </row>
    <row r="138" spans="1:5" s="4" customFormat="1" ht="24.95" customHeight="1" x14ac:dyDescent="0.25">
      <c r="A138" s="84" t="s">
        <v>220</v>
      </c>
      <c r="B138" s="94" t="s">
        <v>257</v>
      </c>
      <c r="C138" s="82"/>
      <c r="D138" s="179"/>
      <c r="E138" s="180"/>
    </row>
    <row r="139" spans="1:5" s="4" customFormat="1" ht="25.5" customHeight="1" thickBot="1" x14ac:dyDescent="0.3">
      <c r="A139" s="161" t="s">
        <v>221</v>
      </c>
      <c r="B139" s="123" t="s">
        <v>328</v>
      </c>
      <c r="C139" s="151"/>
      <c r="D139" s="240"/>
      <c r="E139" s="241"/>
    </row>
    <row r="140" spans="1:5" s="4" customFormat="1" ht="24.95" customHeight="1" x14ac:dyDescent="0.25">
      <c r="A140" s="183" t="s">
        <v>258</v>
      </c>
      <c r="B140" s="184"/>
      <c r="C140" s="81"/>
      <c r="D140" s="185"/>
      <c r="E140" s="186"/>
    </row>
    <row r="141" spans="1:5" s="4" customFormat="1" ht="24.95" customHeight="1" x14ac:dyDescent="0.25">
      <c r="A141" s="84" t="s">
        <v>271</v>
      </c>
      <c r="B141" s="94" t="s">
        <v>259</v>
      </c>
      <c r="C141" s="82"/>
      <c r="D141" s="179"/>
      <c r="E141" s="180"/>
    </row>
    <row r="142" spans="1:5" s="4" customFormat="1" ht="24.95" customHeight="1" x14ac:dyDescent="0.25">
      <c r="A142" s="84" t="s">
        <v>272</v>
      </c>
      <c r="B142" s="93" t="s">
        <v>260</v>
      </c>
      <c r="C142" s="82"/>
      <c r="D142" s="179"/>
      <c r="E142" s="180"/>
    </row>
    <row r="143" spans="1:5" s="4" customFormat="1" ht="24.95" customHeight="1" x14ac:dyDescent="0.25">
      <c r="A143" s="84" t="s">
        <v>273</v>
      </c>
      <c r="B143" s="93" t="s">
        <v>261</v>
      </c>
      <c r="C143" s="82"/>
      <c r="D143" s="179"/>
      <c r="E143" s="180"/>
    </row>
    <row r="144" spans="1:5" s="4" customFormat="1" ht="24.95" customHeight="1" x14ac:dyDescent="0.25">
      <c r="A144" s="84" t="s">
        <v>274</v>
      </c>
      <c r="B144" s="93" t="s">
        <v>166</v>
      </c>
      <c r="C144" s="82"/>
      <c r="D144" s="179"/>
      <c r="E144" s="180"/>
    </row>
    <row r="145" spans="1:5" s="4" customFormat="1" ht="24.95" customHeight="1" x14ac:dyDescent="0.25">
      <c r="A145" s="84" t="s">
        <v>275</v>
      </c>
      <c r="B145" s="93" t="s">
        <v>263</v>
      </c>
      <c r="C145" s="82"/>
      <c r="D145" s="179"/>
      <c r="E145" s="180"/>
    </row>
    <row r="146" spans="1:5" s="4" customFormat="1" ht="24.95" customHeight="1" x14ac:dyDescent="0.25">
      <c r="A146" s="84" t="s">
        <v>276</v>
      </c>
      <c r="B146" s="94" t="s">
        <v>262</v>
      </c>
      <c r="C146" s="82"/>
      <c r="D146" s="179"/>
      <c r="E146" s="180"/>
    </row>
    <row r="147" spans="1:5" s="4" customFormat="1" ht="25.5" customHeight="1" thickBot="1" x14ac:dyDescent="0.3">
      <c r="A147" s="161" t="s">
        <v>277</v>
      </c>
      <c r="B147" s="123" t="s">
        <v>328</v>
      </c>
      <c r="C147" s="151"/>
      <c r="D147" s="240"/>
      <c r="E147" s="241"/>
    </row>
    <row r="148" spans="1:5" s="4" customFormat="1" ht="24.95" customHeight="1" x14ac:dyDescent="0.25">
      <c r="A148" s="183" t="s">
        <v>264</v>
      </c>
      <c r="B148" s="184"/>
      <c r="C148" s="81"/>
      <c r="D148" s="185"/>
      <c r="E148" s="186"/>
    </row>
    <row r="149" spans="1:5" s="4" customFormat="1" ht="24.95" customHeight="1" x14ac:dyDescent="0.25">
      <c r="A149" s="84" t="s">
        <v>278</v>
      </c>
      <c r="B149" s="94" t="s">
        <v>265</v>
      </c>
      <c r="C149" s="82"/>
      <c r="D149" s="179"/>
      <c r="E149" s="180"/>
    </row>
    <row r="150" spans="1:5" s="4" customFormat="1" ht="24.95" customHeight="1" x14ac:dyDescent="0.25">
      <c r="A150" s="84" t="s">
        <v>279</v>
      </c>
      <c r="B150" s="93" t="s">
        <v>266</v>
      </c>
      <c r="C150" s="82"/>
      <c r="D150" s="179"/>
      <c r="E150" s="180"/>
    </row>
    <row r="151" spans="1:5" s="4" customFormat="1" ht="24.95" customHeight="1" x14ac:dyDescent="0.25">
      <c r="A151" s="84" t="s">
        <v>280</v>
      </c>
      <c r="B151" s="93" t="s">
        <v>203</v>
      </c>
      <c r="C151" s="82"/>
      <c r="D151" s="179"/>
      <c r="E151" s="180"/>
    </row>
    <row r="152" spans="1:5" s="4" customFormat="1" ht="24.95" customHeight="1" x14ac:dyDescent="0.25">
      <c r="A152" s="84" t="s">
        <v>281</v>
      </c>
      <c r="B152" s="93" t="s">
        <v>173</v>
      </c>
      <c r="C152" s="82"/>
      <c r="D152" s="179"/>
      <c r="E152" s="180"/>
    </row>
    <row r="153" spans="1:5" s="4" customFormat="1" ht="24.95" customHeight="1" x14ac:dyDescent="0.25">
      <c r="A153" s="84" t="s">
        <v>282</v>
      </c>
      <c r="B153" s="93" t="s">
        <v>267</v>
      </c>
      <c r="C153" s="82"/>
      <c r="D153" s="179"/>
      <c r="E153" s="180"/>
    </row>
    <row r="154" spans="1:5" s="4" customFormat="1" ht="24.95" customHeight="1" x14ac:dyDescent="0.25">
      <c r="A154" s="84" t="s">
        <v>283</v>
      </c>
      <c r="B154" s="94" t="s">
        <v>262</v>
      </c>
      <c r="C154" s="82"/>
      <c r="D154" s="179"/>
      <c r="E154" s="180"/>
    </row>
    <row r="155" spans="1:5" s="4" customFormat="1" ht="24.95" customHeight="1" thickBot="1" x14ac:dyDescent="0.3">
      <c r="A155" s="84" t="s">
        <v>284</v>
      </c>
      <c r="B155" s="94" t="s">
        <v>268</v>
      </c>
      <c r="C155" s="83"/>
      <c r="D155" s="181"/>
      <c r="E155" s="182"/>
    </row>
    <row r="156" spans="1:5" s="4" customFormat="1" ht="25.5" customHeight="1" thickBot="1" x14ac:dyDescent="0.3">
      <c r="A156" s="161" t="s">
        <v>319</v>
      </c>
      <c r="B156" s="123" t="s">
        <v>328</v>
      </c>
      <c r="C156" s="151"/>
      <c r="D156" s="240"/>
      <c r="E156" s="241"/>
    </row>
    <row r="157" spans="1:5" s="4" customFormat="1" ht="24.95" customHeight="1" x14ac:dyDescent="0.25">
      <c r="A157" s="183" t="s">
        <v>269</v>
      </c>
      <c r="B157" s="184"/>
      <c r="C157" s="81"/>
      <c r="D157" s="185"/>
      <c r="E157" s="186"/>
    </row>
    <row r="158" spans="1:5" s="4" customFormat="1" ht="24.95" customHeight="1" x14ac:dyDescent="0.25">
      <c r="A158" s="84" t="s">
        <v>285</v>
      </c>
      <c r="B158" s="94" t="s">
        <v>201</v>
      </c>
      <c r="C158" s="82"/>
      <c r="D158" s="179"/>
      <c r="E158" s="180"/>
    </row>
    <row r="159" spans="1:5" s="4" customFormat="1" ht="24.95" customHeight="1" x14ac:dyDescent="0.25">
      <c r="A159" s="84" t="s">
        <v>286</v>
      </c>
      <c r="B159" s="93" t="s">
        <v>202</v>
      </c>
      <c r="C159" s="82"/>
      <c r="D159" s="179"/>
      <c r="E159" s="180"/>
    </row>
    <row r="160" spans="1:5" s="4" customFormat="1" ht="24.95" customHeight="1" x14ac:dyDescent="0.25">
      <c r="A160" s="84" t="s">
        <v>287</v>
      </c>
      <c r="B160" s="93" t="s">
        <v>203</v>
      </c>
      <c r="C160" s="82"/>
      <c r="D160" s="179"/>
      <c r="E160" s="180"/>
    </row>
    <row r="161" spans="1:6" s="4" customFormat="1" ht="24.95" customHeight="1" x14ac:dyDescent="0.25">
      <c r="A161" s="84" t="s">
        <v>288</v>
      </c>
      <c r="B161" s="93" t="s">
        <v>173</v>
      </c>
      <c r="C161" s="82"/>
      <c r="D161" s="179"/>
      <c r="E161" s="180"/>
    </row>
    <row r="162" spans="1:6" s="4" customFormat="1" ht="24.95" customHeight="1" x14ac:dyDescent="0.25">
      <c r="A162" s="84" t="s">
        <v>289</v>
      </c>
      <c r="B162" s="93" t="s">
        <v>205</v>
      </c>
      <c r="C162" s="82"/>
      <c r="D162" s="179"/>
      <c r="E162" s="180"/>
    </row>
    <row r="163" spans="1:6" s="4" customFormat="1" ht="24.95" customHeight="1" x14ac:dyDescent="0.25">
      <c r="A163" s="84" t="s">
        <v>290</v>
      </c>
      <c r="B163" s="94" t="s">
        <v>204</v>
      </c>
      <c r="C163" s="82"/>
      <c r="D163" s="179"/>
      <c r="E163" s="180"/>
    </row>
    <row r="164" spans="1:6" s="4" customFormat="1" ht="25.5" customHeight="1" thickBot="1" x14ac:dyDescent="0.3">
      <c r="A164" s="161" t="s">
        <v>291</v>
      </c>
      <c r="B164" s="123" t="s">
        <v>328</v>
      </c>
      <c r="C164" s="151"/>
      <c r="D164" s="240"/>
      <c r="E164" s="241"/>
    </row>
    <row r="165" spans="1:6" s="4" customFormat="1" ht="24.95" customHeight="1" x14ac:dyDescent="0.25">
      <c r="A165" s="183" t="s">
        <v>270</v>
      </c>
      <c r="B165" s="184"/>
      <c r="C165" s="125"/>
      <c r="D165" s="195"/>
      <c r="E165" s="196"/>
    </row>
    <row r="166" spans="1:6" s="4" customFormat="1" ht="24.95" customHeight="1" x14ac:dyDescent="0.25">
      <c r="A166" s="84" t="s">
        <v>292</v>
      </c>
      <c r="B166" s="94" t="s">
        <v>213</v>
      </c>
      <c r="C166" s="82"/>
      <c r="D166" s="179"/>
      <c r="E166" s="180"/>
    </row>
    <row r="167" spans="1:6" s="4" customFormat="1" ht="24.95" customHeight="1" x14ac:dyDescent="0.25">
      <c r="A167" s="84" t="s">
        <v>293</v>
      </c>
      <c r="B167" s="93" t="s">
        <v>214</v>
      </c>
      <c r="C167" s="82"/>
      <c r="D167" s="179"/>
      <c r="E167" s="180"/>
    </row>
    <row r="168" spans="1:6" s="4" customFormat="1" ht="24.95" customHeight="1" x14ac:dyDescent="0.25">
      <c r="A168" s="84" t="s">
        <v>294</v>
      </c>
      <c r="B168" s="93" t="s">
        <v>203</v>
      </c>
      <c r="C168" s="82"/>
      <c r="D168" s="179"/>
      <c r="E168" s="180"/>
    </row>
    <row r="169" spans="1:6" s="4" customFormat="1" ht="24.95" customHeight="1" x14ac:dyDescent="0.25">
      <c r="A169" s="84" t="s">
        <v>295</v>
      </c>
      <c r="B169" s="93" t="s">
        <v>173</v>
      </c>
      <c r="C169" s="82"/>
      <c r="D169" s="179"/>
      <c r="E169" s="180"/>
      <c r="F169" s="35"/>
    </row>
    <row r="170" spans="1:6" s="4" customFormat="1" ht="24.95" customHeight="1" x14ac:dyDescent="0.25">
      <c r="A170" s="84" t="s">
        <v>296</v>
      </c>
      <c r="B170" s="93" t="s">
        <v>205</v>
      </c>
      <c r="C170" s="82"/>
      <c r="D170" s="179"/>
      <c r="E170" s="180"/>
    </row>
    <row r="171" spans="1:6" s="4" customFormat="1" ht="24.95" customHeight="1" x14ac:dyDescent="0.25">
      <c r="A171" s="84" t="s">
        <v>297</v>
      </c>
      <c r="B171" s="94" t="s">
        <v>204</v>
      </c>
      <c r="C171" s="82"/>
      <c r="D171" s="179"/>
      <c r="E171" s="180"/>
    </row>
    <row r="172" spans="1:6" s="4" customFormat="1" ht="25.5" customHeight="1" thickBot="1" x14ac:dyDescent="0.3">
      <c r="A172" s="170" t="s">
        <v>298</v>
      </c>
      <c r="B172" s="123" t="s">
        <v>328</v>
      </c>
      <c r="C172" s="151"/>
      <c r="D172" s="240"/>
      <c r="E172" s="241"/>
    </row>
    <row r="173" spans="1:6" s="3" customFormat="1" ht="5.0999999999999996" customHeight="1" x14ac:dyDescent="0.25">
      <c r="A173" s="5"/>
      <c r="B173" s="124"/>
      <c r="C173" s="7"/>
      <c r="D173" s="7"/>
      <c r="E173" s="36"/>
    </row>
    <row r="174" spans="1:6" s="2" customFormat="1" ht="20.100000000000001" customHeight="1" x14ac:dyDescent="0.25">
      <c r="A174" s="198" t="s">
        <v>60</v>
      </c>
      <c r="B174" s="198"/>
      <c r="C174" s="198"/>
      <c r="D174" s="198"/>
      <c r="E174" s="198"/>
    </row>
    <row r="175" spans="1:6" s="2" customFormat="1" ht="5.0999999999999996" customHeight="1" thickBot="1" x14ac:dyDescent="0.3">
      <c r="A175" s="21"/>
      <c r="C175" s="6"/>
      <c r="D175" s="6"/>
      <c r="E175" s="6"/>
    </row>
    <row r="176" spans="1:6" s="3" customFormat="1" ht="69" customHeight="1" x14ac:dyDescent="0.25">
      <c r="A176" s="203" t="s">
        <v>8</v>
      </c>
      <c r="B176" s="204"/>
      <c r="C176" s="207" t="s">
        <v>31</v>
      </c>
      <c r="D176" s="208"/>
      <c r="E176" s="209"/>
    </row>
    <row r="177" spans="1:5" s="3" customFormat="1" ht="30" customHeight="1" thickBot="1" x14ac:dyDescent="0.3">
      <c r="A177" s="205"/>
      <c r="B177" s="206"/>
      <c r="C177" s="33" t="s">
        <v>7</v>
      </c>
      <c r="D177" s="210" t="s">
        <v>32</v>
      </c>
      <c r="E177" s="211"/>
    </row>
    <row r="178" spans="1:5" s="2" customFormat="1" ht="29.25" customHeight="1" x14ac:dyDescent="0.25">
      <c r="A178" s="16" t="s">
        <v>16</v>
      </c>
      <c r="B178" s="37" t="s">
        <v>222</v>
      </c>
      <c r="C178" s="81"/>
      <c r="D178" s="226"/>
      <c r="E178" s="227"/>
    </row>
    <row r="179" spans="1:5" s="2" customFormat="1" ht="40.5" customHeight="1" x14ac:dyDescent="0.25">
      <c r="A179" s="16" t="s">
        <v>73</v>
      </c>
      <c r="B179" s="37" t="s">
        <v>223</v>
      </c>
      <c r="C179" s="82"/>
      <c r="D179" s="191"/>
      <c r="E179" s="192"/>
    </row>
    <row r="180" spans="1:5" s="2" customFormat="1" ht="27" customHeight="1" x14ac:dyDescent="0.25">
      <c r="A180" s="16" t="s">
        <v>74</v>
      </c>
      <c r="B180" s="37" t="s">
        <v>224</v>
      </c>
      <c r="C180" s="82"/>
      <c r="D180" s="191"/>
      <c r="E180" s="192"/>
    </row>
    <row r="181" spans="1:5" s="2" customFormat="1" ht="24.95" customHeight="1" x14ac:dyDescent="0.25">
      <c r="A181" s="16" t="s">
        <v>138</v>
      </c>
      <c r="B181" s="37" t="s">
        <v>242</v>
      </c>
      <c r="C181" s="82"/>
      <c r="D181" s="191"/>
      <c r="E181" s="192"/>
    </row>
    <row r="182" spans="1:5" s="2" customFormat="1" ht="24.95" customHeight="1" x14ac:dyDescent="0.25">
      <c r="A182" s="16" t="s">
        <v>139</v>
      </c>
      <c r="B182" s="37" t="s">
        <v>225</v>
      </c>
      <c r="C182" s="82"/>
      <c r="D182" s="191"/>
      <c r="E182" s="192"/>
    </row>
    <row r="183" spans="1:5" s="2" customFormat="1" ht="30.75" customHeight="1" x14ac:dyDescent="0.25">
      <c r="A183" s="16" t="s">
        <v>140</v>
      </c>
      <c r="B183" s="37" t="s">
        <v>226</v>
      </c>
      <c r="C183" s="82"/>
      <c r="D183" s="191"/>
      <c r="E183" s="192"/>
    </row>
    <row r="184" spans="1:5" s="2" customFormat="1" ht="32.25" customHeight="1" x14ac:dyDescent="0.25">
      <c r="A184" s="16" t="s">
        <v>141</v>
      </c>
      <c r="B184" s="37" t="s">
        <v>227</v>
      </c>
      <c r="C184" s="82"/>
      <c r="D184" s="191"/>
      <c r="E184" s="192"/>
    </row>
    <row r="185" spans="1:5" s="2" customFormat="1" ht="102" x14ac:dyDescent="0.25">
      <c r="A185" s="16" t="s">
        <v>142</v>
      </c>
      <c r="B185" s="37" t="s">
        <v>228</v>
      </c>
      <c r="C185" s="82"/>
      <c r="D185" s="191"/>
      <c r="E185" s="192"/>
    </row>
    <row r="186" spans="1:5" s="2" customFormat="1" ht="89.25" x14ac:dyDescent="0.25">
      <c r="A186" s="16" t="s">
        <v>75</v>
      </c>
      <c r="B186" s="37" t="s">
        <v>229</v>
      </c>
      <c r="C186" s="82"/>
      <c r="D186" s="191"/>
      <c r="E186" s="192"/>
    </row>
    <row r="187" spans="1:5" s="2" customFormat="1" ht="38.25" customHeight="1" x14ac:dyDescent="0.25">
      <c r="A187" s="16" t="s">
        <v>76</v>
      </c>
      <c r="B187" s="37" t="s">
        <v>230</v>
      </c>
      <c r="C187" s="82"/>
      <c r="D187" s="191"/>
      <c r="E187" s="192"/>
    </row>
    <row r="188" spans="1:5" s="2" customFormat="1" ht="42.75" customHeight="1" x14ac:dyDescent="0.25">
      <c r="A188" s="16" t="s">
        <v>77</v>
      </c>
      <c r="B188" s="37" t="s">
        <v>231</v>
      </c>
      <c r="C188" s="82"/>
      <c r="D188" s="191"/>
      <c r="E188" s="192"/>
    </row>
    <row r="189" spans="1:5" s="2" customFormat="1" ht="191.25" x14ac:dyDescent="0.25">
      <c r="A189" s="16" t="s">
        <v>78</v>
      </c>
      <c r="B189" s="37" t="s">
        <v>232</v>
      </c>
      <c r="C189" s="82"/>
      <c r="D189" s="191"/>
      <c r="E189" s="192"/>
    </row>
    <row r="190" spans="1:5" s="2" customFormat="1" ht="89.25" x14ac:dyDescent="0.25">
      <c r="A190" s="16" t="s">
        <v>79</v>
      </c>
      <c r="B190" s="37" t="s">
        <v>233</v>
      </c>
      <c r="C190" s="82"/>
      <c r="D190" s="191"/>
      <c r="E190" s="192"/>
    </row>
    <row r="191" spans="1:5" s="2" customFormat="1" ht="46.5" customHeight="1" x14ac:dyDescent="0.25">
      <c r="A191" s="16" t="s">
        <v>184</v>
      </c>
      <c r="B191" s="37" t="s">
        <v>234</v>
      </c>
      <c r="C191" s="82"/>
      <c r="D191" s="191"/>
      <c r="E191" s="192"/>
    </row>
    <row r="192" spans="1:5" s="2" customFormat="1" ht="106.5" customHeight="1" x14ac:dyDescent="0.25">
      <c r="A192" s="16" t="s">
        <v>80</v>
      </c>
      <c r="B192" s="37" t="s">
        <v>235</v>
      </c>
      <c r="C192" s="82"/>
      <c r="D192" s="191"/>
      <c r="E192" s="192"/>
    </row>
    <row r="193" spans="1:6" s="2" customFormat="1" ht="121.5" customHeight="1" x14ac:dyDescent="0.25">
      <c r="A193" s="16" t="s">
        <v>105</v>
      </c>
      <c r="B193" s="37" t="s">
        <v>338</v>
      </c>
      <c r="C193" s="82"/>
      <c r="D193" s="253"/>
      <c r="E193" s="254"/>
    </row>
    <row r="194" spans="1:6" s="2" customFormat="1" ht="84.75" customHeight="1" x14ac:dyDescent="0.25">
      <c r="A194" s="16" t="s">
        <v>81</v>
      </c>
      <c r="B194" s="37" t="s">
        <v>334</v>
      </c>
      <c r="C194" s="82"/>
      <c r="D194" s="253"/>
      <c r="E194" s="254"/>
    </row>
    <row r="195" spans="1:6" s="2" customFormat="1" ht="58.5" customHeight="1" x14ac:dyDescent="0.25">
      <c r="A195" s="16" t="s">
        <v>236</v>
      </c>
      <c r="B195" s="37" t="s">
        <v>337</v>
      </c>
      <c r="C195" s="82"/>
      <c r="D195" s="253"/>
      <c r="E195" s="254"/>
    </row>
    <row r="196" spans="1:6" s="2" customFormat="1" ht="62.25" customHeight="1" x14ac:dyDescent="0.25">
      <c r="A196" s="16" t="s">
        <v>237</v>
      </c>
      <c r="B196" s="37" t="s">
        <v>243</v>
      </c>
      <c r="C196" s="82"/>
      <c r="D196" s="191"/>
      <c r="E196" s="192"/>
    </row>
    <row r="197" spans="1:6" s="2" customFormat="1" ht="31.5" customHeight="1" x14ac:dyDescent="0.25">
      <c r="A197" s="16" t="s">
        <v>239</v>
      </c>
      <c r="B197" s="37" t="s">
        <v>238</v>
      </c>
      <c r="C197" s="82"/>
      <c r="D197" s="191"/>
      <c r="E197" s="192"/>
    </row>
    <row r="198" spans="1:6" s="2" customFormat="1" ht="43.5" customHeight="1" x14ac:dyDescent="0.25">
      <c r="A198" s="16" t="s">
        <v>331</v>
      </c>
      <c r="B198" s="37" t="s">
        <v>244</v>
      </c>
      <c r="C198" s="82"/>
      <c r="D198" s="191"/>
      <c r="E198" s="192"/>
    </row>
    <row r="199" spans="1:6" s="2" customFormat="1" ht="54" customHeight="1" x14ac:dyDescent="0.25">
      <c r="A199" s="16" t="s">
        <v>335</v>
      </c>
      <c r="B199" s="37" t="s">
        <v>240</v>
      </c>
      <c r="C199" s="82"/>
      <c r="D199" s="191"/>
      <c r="E199" s="192"/>
    </row>
    <row r="200" spans="1:6" s="2" customFormat="1" ht="64.5" thickBot="1" x14ac:dyDescent="0.3">
      <c r="A200" s="85" t="s">
        <v>336</v>
      </c>
      <c r="B200" s="126" t="s">
        <v>241</v>
      </c>
      <c r="C200" s="82"/>
      <c r="D200" s="193"/>
      <c r="E200" s="194"/>
    </row>
    <row r="201" spans="1:6" s="3" customFormat="1" ht="5.0999999999999996" customHeight="1" x14ac:dyDescent="0.25">
      <c r="A201" s="5"/>
      <c r="B201" s="5"/>
      <c r="C201" s="7"/>
      <c r="D201" s="7"/>
      <c r="E201" s="36"/>
    </row>
    <row r="202" spans="1:6" s="2" customFormat="1" ht="20.100000000000001" customHeight="1" x14ac:dyDescent="0.25">
      <c r="A202" s="212" t="s">
        <v>67</v>
      </c>
      <c r="B202" s="212"/>
      <c r="C202" s="212"/>
      <c r="D202" s="212"/>
      <c r="E202" s="212"/>
      <c r="F202" s="228"/>
    </row>
    <row r="203" spans="1:6" s="2" customFormat="1" ht="4.5" customHeight="1" thickBot="1" x14ac:dyDescent="0.3">
      <c r="F203" s="228"/>
    </row>
    <row r="204" spans="1:6" s="2" customFormat="1" ht="80.25" customHeight="1" x14ac:dyDescent="0.25">
      <c r="A204" s="203" t="s">
        <v>68</v>
      </c>
      <c r="B204" s="204"/>
      <c r="C204" s="207" t="s">
        <v>69</v>
      </c>
      <c r="D204" s="208"/>
      <c r="E204" s="209"/>
      <c r="F204" s="228"/>
    </row>
    <row r="205" spans="1:6" s="3" customFormat="1" ht="29.25" customHeight="1" thickBot="1" x14ac:dyDescent="0.3">
      <c r="A205" s="205"/>
      <c r="B205" s="206"/>
      <c r="C205" s="33" t="s">
        <v>7</v>
      </c>
      <c r="D205" s="210" t="s">
        <v>32</v>
      </c>
      <c r="E205" s="211"/>
      <c r="F205" s="228"/>
    </row>
    <row r="206" spans="1:6" s="3" customFormat="1" ht="27" customHeight="1" x14ac:dyDescent="0.25">
      <c r="A206" s="80" t="s">
        <v>33</v>
      </c>
      <c r="B206" s="104" t="s">
        <v>71</v>
      </c>
      <c r="C206" s="70"/>
      <c r="D206" s="213"/>
      <c r="E206" s="214"/>
      <c r="F206" s="228"/>
    </row>
    <row r="207" spans="1:6" s="3" customFormat="1" ht="24.95" customHeight="1" x14ac:dyDescent="0.25">
      <c r="A207" s="15" t="s">
        <v>34</v>
      </c>
      <c r="B207" s="105" t="s">
        <v>70</v>
      </c>
      <c r="C207" s="68"/>
      <c r="D207" s="215"/>
      <c r="E207" s="216"/>
      <c r="F207" s="228"/>
    </row>
    <row r="208" spans="1:6" s="2" customFormat="1" ht="66" customHeight="1" thickBot="1" x14ac:dyDescent="0.3">
      <c r="A208" s="17" t="s">
        <v>35</v>
      </c>
      <c r="B208" s="128" t="s">
        <v>245</v>
      </c>
      <c r="C208" s="69"/>
      <c r="D208" s="201"/>
      <c r="E208" s="202"/>
      <c r="F208" s="228"/>
    </row>
    <row r="209" spans="1:5" s="2" customFormat="1" ht="5.0999999999999996" customHeight="1" x14ac:dyDescent="0.25">
      <c r="A209" s="5"/>
      <c r="B209" s="5"/>
      <c r="C209" s="7"/>
      <c r="D209" s="7"/>
      <c r="E209" s="36"/>
    </row>
    <row r="210" spans="1:5" s="2" customFormat="1" ht="20.100000000000001" customHeight="1" x14ac:dyDescent="0.25">
      <c r="A210" s="198" t="s">
        <v>15</v>
      </c>
      <c r="B210" s="198"/>
      <c r="C210" s="198"/>
      <c r="D210" s="198"/>
      <c r="E210" s="198"/>
    </row>
    <row r="211" spans="1:5" s="3" customFormat="1" ht="30" customHeight="1" x14ac:dyDescent="0.25">
      <c r="A211" s="5" t="s">
        <v>17</v>
      </c>
      <c r="B211" s="199" t="s">
        <v>61</v>
      </c>
      <c r="C211" s="199"/>
      <c r="D211" s="199"/>
      <c r="E211" s="199"/>
    </row>
    <row r="212" spans="1:5" s="39" customFormat="1" ht="17.25" customHeight="1" x14ac:dyDescent="0.25">
      <c r="A212" s="5" t="s">
        <v>36</v>
      </c>
      <c r="B212" s="199" t="s">
        <v>37</v>
      </c>
      <c r="C212" s="199"/>
      <c r="D212" s="199"/>
      <c r="E212" s="199"/>
    </row>
    <row r="213" spans="1:5" s="39" customFormat="1" ht="30" customHeight="1" x14ac:dyDescent="0.25">
      <c r="A213" s="200" t="s">
        <v>38</v>
      </c>
      <c r="B213" s="200"/>
      <c r="C213" s="200"/>
      <c r="D213" s="200"/>
      <c r="E213" s="3"/>
    </row>
    <row r="214" spans="1:5" s="2" customFormat="1" ht="24.95" customHeight="1" x14ac:dyDescent="0.25">
      <c r="A214" s="38" t="s">
        <v>39</v>
      </c>
      <c r="B214" s="188"/>
      <c r="C214" s="188"/>
      <c r="E214" s="39"/>
    </row>
    <row r="215" spans="1:5" s="2" customFormat="1" ht="24.95" customHeight="1" x14ac:dyDescent="0.25">
      <c r="A215" s="38" t="s">
        <v>40</v>
      </c>
      <c r="B215" s="189"/>
      <c r="C215" s="189"/>
      <c r="E215" s="39"/>
    </row>
    <row r="216" spans="1:5" s="2" customFormat="1" ht="24.95" customHeight="1" x14ac:dyDescent="0.25">
      <c r="A216" s="38" t="s">
        <v>41</v>
      </c>
      <c r="B216" s="189"/>
      <c r="C216" s="189"/>
      <c r="E216" s="39"/>
    </row>
    <row r="217" spans="1:5" s="3" customFormat="1" ht="24.95" customHeight="1" x14ac:dyDescent="0.25">
      <c r="A217" s="38" t="s">
        <v>42</v>
      </c>
      <c r="B217" s="189"/>
      <c r="C217" s="189"/>
      <c r="D217" s="2"/>
      <c r="E217" s="40"/>
    </row>
    <row r="218" spans="1:5" s="2" customFormat="1" ht="12.75" customHeight="1" x14ac:dyDescent="0.2">
      <c r="A218" s="12"/>
      <c r="B218" s="13"/>
      <c r="C218" s="13"/>
      <c r="E218" s="41"/>
    </row>
    <row r="219" spans="1:5" s="3" customFormat="1" ht="15" customHeight="1" x14ac:dyDescent="0.25">
      <c r="A219" s="197" t="s">
        <v>43</v>
      </c>
      <c r="B219" s="197"/>
      <c r="C219" s="197"/>
      <c r="D219" s="197"/>
      <c r="E219" s="197"/>
    </row>
    <row r="220" spans="1:5" s="2" customFormat="1" ht="36.75" customHeight="1" x14ac:dyDescent="0.25">
      <c r="A220" s="190" t="s">
        <v>64</v>
      </c>
      <c r="B220" s="190"/>
      <c r="C220" s="190"/>
      <c r="D220" s="190"/>
      <c r="E220" s="190"/>
    </row>
    <row r="221" spans="1:5" s="2" customFormat="1" ht="8.25" customHeight="1" x14ac:dyDescent="0.2">
      <c r="A221" s="1"/>
      <c r="B221" s="1"/>
      <c r="C221" s="8"/>
      <c r="D221" s="8"/>
    </row>
    <row r="222" spans="1:5" s="3" customFormat="1" ht="4.5" customHeight="1" x14ac:dyDescent="0.2">
      <c r="A222" s="1"/>
      <c r="B222" s="1"/>
      <c r="C222" s="8"/>
      <c r="D222" s="8"/>
      <c r="E222" s="2"/>
    </row>
    <row r="223" spans="1:5" s="3" customFormat="1" ht="20.100000000000001" customHeight="1" x14ac:dyDescent="0.25">
      <c r="A223" s="42" t="s">
        <v>44</v>
      </c>
      <c r="B223" s="102"/>
      <c r="C223" s="43" t="s">
        <v>45</v>
      </c>
      <c r="D223" s="187"/>
      <c r="E223" s="187"/>
    </row>
    <row r="224" spans="1:5" s="3" customFormat="1" ht="20.100000000000001" customHeight="1" x14ac:dyDescent="0.25">
      <c r="A224" s="95" t="s">
        <v>46</v>
      </c>
      <c r="B224" s="103"/>
      <c r="C224" s="44"/>
      <c r="D224" s="45"/>
      <c r="E224" s="45"/>
    </row>
    <row r="225" spans="1:5" ht="20.100000000000001" customHeight="1" x14ac:dyDescent="0.2">
      <c r="C225" s="46" t="s">
        <v>47</v>
      </c>
      <c r="D225" s="188"/>
      <c r="E225" s="188"/>
    </row>
    <row r="226" spans="1:5" s="2" customFormat="1" ht="20.100000000000001" customHeight="1" x14ac:dyDescent="0.2">
      <c r="A226" s="1"/>
      <c r="B226" s="1"/>
      <c r="C226" s="46" t="s">
        <v>48</v>
      </c>
      <c r="D226" s="189"/>
      <c r="E226" s="189"/>
    </row>
    <row r="227" spans="1:5" s="2" customFormat="1" ht="20.100000000000001" customHeight="1" x14ac:dyDescent="0.2">
      <c r="A227" s="1"/>
      <c r="B227" s="1"/>
      <c r="C227" s="47" t="s">
        <v>49</v>
      </c>
      <c r="D227" s="1"/>
    </row>
    <row r="228" spans="1:5" s="2" customFormat="1" ht="37.5" customHeight="1" x14ac:dyDescent="0.25"/>
    <row r="229" spans="1:5" s="2" customFormat="1" ht="24" customHeight="1" x14ac:dyDescent="0.25"/>
    <row r="230" spans="1:5" s="2" customFormat="1" ht="24" customHeight="1" x14ac:dyDescent="0.25"/>
    <row r="231" spans="1:5" s="2" customFormat="1" ht="24" customHeight="1" x14ac:dyDescent="0.25"/>
    <row r="232" spans="1:5" s="2" customFormat="1" ht="20.100000000000001" customHeight="1" x14ac:dyDescent="0.25"/>
    <row r="233" spans="1:5" s="2" customFormat="1" ht="20.100000000000001" customHeight="1" x14ac:dyDescent="0.25"/>
    <row r="234" spans="1:5" s="2" customFormat="1" ht="50.1" customHeight="1" x14ac:dyDescent="0.25"/>
    <row r="235" spans="1:5" s="2" customFormat="1" ht="43.5" customHeight="1" x14ac:dyDescent="0.25"/>
    <row r="236" spans="1:5" ht="24.75" customHeight="1" x14ac:dyDescent="0.2">
      <c r="A236" s="2"/>
      <c r="B236" s="2"/>
      <c r="C236" s="2"/>
      <c r="D236" s="2"/>
    </row>
    <row r="237" spans="1:5" x14ac:dyDescent="0.2">
      <c r="A237" s="2"/>
      <c r="B237" s="2"/>
      <c r="C237" s="2"/>
      <c r="D237" s="2"/>
    </row>
    <row r="238" spans="1:5" ht="20.100000000000001" customHeight="1" x14ac:dyDescent="0.2"/>
    <row r="239" spans="1:5" ht="4.5" customHeight="1" x14ac:dyDescent="0.2"/>
    <row r="240" spans="1:5" ht="20.100000000000001" customHeight="1" x14ac:dyDescent="0.2"/>
    <row r="241" ht="20.100000000000001" customHeight="1" x14ac:dyDescent="0.2"/>
    <row r="242" ht="20.100000000000001" customHeight="1" x14ac:dyDescent="0.2"/>
  </sheetData>
  <mergeCells count="208">
    <mergeCell ref="D164:E164"/>
    <mergeCell ref="D172:E172"/>
    <mergeCell ref="D86:E86"/>
    <mergeCell ref="D94:E94"/>
    <mergeCell ref="D101:E101"/>
    <mergeCell ref="D108:E108"/>
    <mergeCell ref="D115:E115"/>
    <mergeCell ref="D131:E131"/>
    <mergeCell ref="D139:E139"/>
    <mergeCell ref="D147:E147"/>
    <mergeCell ref="D156:E156"/>
    <mergeCell ref="D158:E158"/>
    <mergeCell ref="D159:E159"/>
    <mergeCell ref="D160:E160"/>
    <mergeCell ref="D161:E161"/>
    <mergeCell ref="D109:E109"/>
    <mergeCell ref="D110:E110"/>
    <mergeCell ref="D111:E111"/>
    <mergeCell ref="D112:E112"/>
    <mergeCell ref="D113:E113"/>
    <mergeCell ref="D129:E129"/>
    <mergeCell ref="D130:E130"/>
    <mergeCell ref="D123:E123"/>
    <mergeCell ref="D162:E162"/>
    <mergeCell ref="D163:E163"/>
    <mergeCell ref="A95:B95"/>
    <mergeCell ref="D96:E96"/>
    <mergeCell ref="D97:E97"/>
    <mergeCell ref="D98:E98"/>
    <mergeCell ref="D99:E99"/>
    <mergeCell ref="D100:E100"/>
    <mergeCell ref="D114:E114"/>
    <mergeCell ref="D121:E121"/>
    <mergeCell ref="D122:E122"/>
    <mergeCell ref="A116:B116"/>
    <mergeCell ref="D116:E116"/>
    <mergeCell ref="D117:E117"/>
    <mergeCell ref="D118:E118"/>
    <mergeCell ref="D119:E119"/>
    <mergeCell ref="D120:E120"/>
    <mergeCell ref="A157:B157"/>
    <mergeCell ref="D157:E157"/>
    <mergeCell ref="A109:B109"/>
    <mergeCell ref="D105:E105"/>
    <mergeCell ref="D106:E106"/>
    <mergeCell ref="D107:E107"/>
    <mergeCell ref="D133:E133"/>
    <mergeCell ref="D134:E134"/>
    <mergeCell ref="D80:E80"/>
    <mergeCell ref="D81:E81"/>
    <mergeCell ref="D82:E82"/>
    <mergeCell ref="D84:E84"/>
    <mergeCell ref="D75:E75"/>
    <mergeCell ref="D67:E67"/>
    <mergeCell ref="D60:E60"/>
    <mergeCell ref="D95:E95"/>
    <mergeCell ref="D83:E83"/>
    <mergeCell ref="D85:E85"/>
    <mergeCell ref="D68:E68"/>
    <mergeCell ref="D61:E61"/>
    <mergeCell ref="D62:E62"/>
    <mergeCell ref="D63:E63"/>
    <mergeCell ref="D64:E64"/>
    <mergeCell ref="D65:E65"/>
    <mergeCell ref="D66:E66"/>
    <mergeCell ref="F202:F208"/>
    <mergeCell ref="A3:E3"/>
    <mergeCell ref="A7:E7"/>
    <mergeCell ref="A8:E8"/>
    <mergeCell ref="A9:E9"/>
    <mergeCell ref="A11:E11"/>
    <mergeCell ref="A13:C13"/>
    <mergeCell ref="A48:E48"/>
    <mergeCell ref="A50:B51"/>
    <mergeCell ref="C50:E50"/>
    <mergeCell ref="D51:E51"/>
    <mergeCell ref="A22:E22"/>
    <mergeCell ref="B27:C27"/>
    <mergeCell ref="A44:B44"/>
    <mergeCell ref="A16:C16"/>
    <mergeCell ref="A17:C17"/>
    <mergeCell ref="A18:E18"/>
    <mergeCell ref="A19:E19"/>
    <mergeCell ref="D57:E57"/>
    <mergeCell ref="D58:E58"/>
    <mergeCell ref="A102:B102"/>
    <mergeCell ref="D102:E102"/>
    <mergeCell ref="D103:E103"/>
    <mergeCell ref="D104:E104"/>
    <mergeCell ref="D178:E178"/>
    <mergeCell ref="D179:E179"/>
    <mergeCell ref="D180:E180"/>
    <mergeCell ref="D170:E170"/>
    <mergeCell ref="D171:E171"/>
    <mergeCell ref="A174:E174"/>
    <mergeCell ref="A21:E21"/>
    <mergeCell ref="D167:E167"/>
    <mergeCell ref="D168:E168"/>
    <mergeCell ref="D169:E169"/>
    <mergeCell ref="D53:E53"/>
    <mergeCell ref="D166:E166"/>
    <mergeCell ref="A52:B52"/>
    <mergeCell ref="D87:E87"/>
    <mergeCell ref="D88:E88"/>
    <mergeCell ref="D89:E89"/>
    <mergeCell ref="D90:E90"/>
    <mergeCell ref="A176:B177"/>
    <mergeCell ref="C176:E176"/>
    <mergeCell ref="D177:E177"/>
    <mergeCell ref="D54:E54"/>
    <mergeCell ref="D55:E55"/>
    <mergeCell ref="D56:E56"/>
    <mergeCell ref="D132:E132"/>
    <mergeCell ref="D187:E187"/>
    <mergeCell ref="D188:E188"/>
    <mergeCell ref="D189:E189"/>
    <mergeCell ref="D190:E190"/>
    <mergeCell ref="D181:E181"/>
    <mergeCell ref="D182:E182"/>
    <mergeCell ref="D183:E183"/>
    <mergeCell ref="D184:E184"/>
    <mergeCell ref="D185:E185"/>
    <mergeCell ref="D186:E186"/>
    <mergeCell ref="A1:E1"/>
    <mergeCell ref="A12:C12"/>
    <mergeCell ref="A23:B23"/>
    <mergeCell ref="A26:B26"/>
    <mergeCell ref="A2:E2"/>
    <mergeCell ref="B28:C28"/>
    <mergeCell ref="A61:B61"/>
    <mergeCell ref="A70:B70"/>
    <mergeCell ref="A79:B79"/>
    <mergeCell ref="D69:E69"/>
    <mergeCell ref="D70:E70"/>
    <mergeCell ref="D71:E71"/>
    <mergeCell ref="D72:E72"/>
    <mergeCell ref="D73:E73"/>
    <mergeCell ref="D74:E74"/>
    <mergeCell ref="D76:E76"/>
    <mergeCell ref="D77:E77"/>
    <mergeCell ref="D78:E78"/>
    <mergeCell ref="D79:E79"/>
    <mergeCell ref="A20:C20"/>
    <mergeCell ref="D59:E59"/>
    <mergeCell ref="A210:E210"/>
    <mergeCell ref="B211:E211"/>
    <mergeCell ref="B212:E212"/>
    <mergeCell ref="A213:D213"/>
    <mergeCell ref="D191:E191"/>
    <mergeCell ref="D192:E192"/>
    <mergeCell ref="D196:E196"/>
    <mergeCell ref="D197:E197"/>
    <mergeCell ref="D198:E198"/>
    <mergeCell ref="D208:E208"/>
    <mergeCell ref="A204:B205"/>
    <mergeCell ref="C204:E204"/>
    <mergeCell ref="D205:E205"/>
    <mergeCell ref="A202:E202"/>
    <mergeCell ref="D206:E206"/>
    <mergeCell ref="D207:E207"/>
    <mergeCell ref="D193:E193"/>
    <mergeCell ref="D194:E194"/>
    <mergeCell ref="D195:E195"/>
    <mergeCell ref="D223:E223"/>
    <mergeCell ref="D225:E225"/>
    <mergeCell ref="D226:E226"/>
    <mergeCell ref="A220:E220"/>
    <mergeCell ref="D199:E199"/>
    <mergeCell ref="D200:E200"/>
    <mergeCell ref="A87:B87"/>
    <mergeCell ref="A165:B165"/>
    <mergeCell ref="D91:E91"/>
    <mergeCell ref="D92:E92"/>
    <mergeCell ref="D93:E93"/>
    <mergeCell ref="D165:E165"/>
    <mergeCell ref="B214:C214"/>
    <mergeCell ref="B215:C215"/>
    <mergeCell ref="B216:C216"/>
    <mergeCell ref="B217:C217"/>
    <mergeCell ref="A219:E219"/>
    <mergeCell ref="A124:B124"/>
    <mergeCell ref="D124:E124"/>
    <mergeCell ref="D125:E125"/>
    <mergeCell ref="D126:E126"/>
    <mergeCell ref="D127:E127"/>
    <mergeCell ref="D128:E128"/>
    <mergeCell ref="A132:B132"/>
    <mergeCell ref="D135:E135"/>
    <mergeCell ref="D136:E136"/>
    <mergeCell ref="D137:E137"/>
    <mergeCell ref="D138:E138"/>
    <mergeCell ref="A140:B140"/>
    <mergeCell ref="D140:E140"/>
    <mergeCell ref="D141:E141"/>
    <mergeCell ref="D142:E142"/>
    <mergeCell ref="D143:E143"/>
    <mergeCell ref="D153:E153"/>
    <mergeCell ref="D154:E154"/>
    <mergeCell ref="D155:E155"/>
    <mergeCell ref="D144:E144"/>
    <mergeCell ref="D145:E145"/>
    <mergeCell ref="D146:E146"/>
    <mergeCell ref="A148:B148"/>
    <mergeCell ref="D148:E148"/>
    <mergeCell ref="D149:E149"/>
    <mergeCell ref="D150:E150"/>
    <mergeCell ref="D151:E151"/>
    <mergeCell ref="D152:E152"/>
  </mergeCells>
  <conditionalFormatting sqref="C167:C169 B214:C217 C96:C100 C157:C163 C70:C77 C79:C85 C87:C93 C102:C107 C109:C114 C116:C122 C165 C53:C68 C178:C200">
    <cfRule type="containsBlanks" dxfId="33" priority="44">
      <formula>LEN(TRIM(B53))=0</formula>
    </cfRule>
  </conditionalFormatting>
  <conditionalFormatting sqref="D225:E225">
    <cfRule type="containsBlanks" dxfId="32" priority="43">
      <formula>LEN(TRIM(D225))=0</formula>
    </cfRule>
  </conditionalFormatting>
  <conditionalFormatting sqref="D226:E226">
    <cfRule type="containsBlanks" dxfId="31" priority="42">
      <formula>LEN(TRIM(D226))=0</formula>
    </cfRule>
  </conditionalFormatting>
  <conditionalFormatting sqref="C170:C171">
    <cfRule type="containsBlanks" dxfId="30" priority="35">
      <formula>LEN(TRIM(C170))=0</formula>
    </cfRule>
  </conditionalFormatting>
  <conditionalFormatting sqref="C166">
    <cfRule type="containsBlanks" dxfId="29" priority="37">
      <formula>LEN(TRIM(C166))=0</formula>
    </cfRule>
  </conditionalFormatting>
  <conditionalFormatting sqref="C206">
    <cfRule type="containsBlanks" dxfId="28" priority="33">
      <formula>LEN(TRIM(C206))=0</formula>
    </cfRule>
  </conditionalFormatting>
  <conditionalFormatting sqref="C207">
    <cfRule type="containsBlanks" dxfId="27" priority="32">
      <formula>LEN(TRIM(C207))=0</formula>
    </cfRule>
  </conditionalFormatting>
  <conditionalFormatting sqref="C208">
    <cfRule type="containsBlanks" dxfId="26" priority="30">
      <formula>LEN(TRIM(C208))=0</formula>
    </cfRule>
  </conditionalFormatting>
  <conditionalFormatting sqref="B223">
    <cfRule type="containsBlanks" dxfId="25" priority="23">
      <formula>LEN(TRIM(B223))=0</formula>
    </cfRule>
  </conditionalFormatting>
  <conditionalFormatting sqref="B4">
    <cfRule type="containsBlanks" dxfId="24" priority="25">
      <formula>LEN(TRIM(B4))=0</formula>
    </cfRule>
  </conditionalFormatting>
  <conditionalFormatting sqref="B5">
    <cfRule type="containsBlanks" dxfId="23" priority="24">
      <formula>LEN(TRIM(B5))=0</formula>
    </cfRule>
  </conditionalFormatting>
  <conditionalFormatting sqref="B224">
    <cfRule type="containsBlanks" dxfId="22" priority="22">
      <formula>LEN(TRIM(B224))=0</formula>
    </cfRule>
  </conditionalFormatting>
  <conditionalFormatting sqref="C124:C130">
    <cfRule type="containsBlanks" dxfId="21" priority="18">
      <formula>LEN(TRIM(C124))=0</formula>
    </cfRule>
  </conditionalFormatting>
  <conditionalFormatting sqref="C132:C138">
    <cfRule type="containsBlanks" dxfId="20" priority="17">
      <formula>LEN(TRIM(C132))=0</formula>
    </cfRule>
  </conditionalFormatting>
  <conditionalFormatting sqref="C140:C146">
    <cfRule type="containsBlanks" dxfId="19" priority="16">
      <formula>LEN(TRIM(C140))=0</formula>
    </cfRule>
  </conditionalFormatting>
  <conditionalFormatting sqref="C148:C155">
    <cfRule type="containsBlanks" dxfId="18" priority="15">
      <formula>LEN(TRIM(C148))=0</formula>
    </cfRule>
  </conditionalFormatting>
  <conditionalFormatting sqref="C69">
    <cfRule type="containsBlanks" dxfId="17" priority="14">
      <formula>LEN(TRIM(C69))=0</formula>
    </cfRule>
  </conditionalFormatting>
  <conditionalFormatting sqref="C78">
    <cfRule type="containsBlanks" dxfId="16" priority="13">
      <formula>LEN(TRIM(C78))=0</formula>
    </cfRule>
  </conditionalFormatting>
  <conditionalFormatting sqref="C86">
    <cfRule type="containsBlanks" dxfId="15" priority="12">
      <formula>LEN(TRIM(C86))=0</formula>
    </cfRule>
  </conditionalFormatting>
  <conditionalFormatting sqref="C94">
    <cfRule type="containsBlanks" dxfId="14" priority="11">
      <formula>LEN(TRIM(C94))=0</formula>
    </cfRule>
  </conditionalFormatting>
  <conditionalFormatting sqref="C101">
    <cfRule type="containsBlanks" dxfId="13" priority="10">
      <formula>LEN(TRIM(C101))=0</formula>
    </cfRule>
  </conditionalFormatting>
  <conditionalFormatting sqref="C108">
    <cfRule type="containsBlanks" dxfId="12" priority="9">
      <formula>LEN(TRIM(C108))=0</formula>
    </cfRule>
  </conditionalFormatting>
  <conditionalFormatting sqref="C115">
    <cfRule type="containsBlanks" dxfId="11" priority="8">
      <formula>LEN(TRIM(C115))=0</formula>
    </cfRule>
  </conditionalFormatting>
  <conditionalFormatting sqref="C123">
    <cfRule type="containsBlanks" dxfId="10" priority="7">
      <formula>LEN(TRIM(C123))=0</formula>
    </cfRule>
  </conditionalFormatting>
  <conditionalFormatting sqref="C131">
    <cfRule type="containsBlanks" dxfId="9" priority="6">
      <formula>LEN(TRIM(C131))=0</formula>
    </cfRule>
  </conditionalFormatting>
  <conditionalFormatting sqref="C139">
    <cfRule type="containsBlanks" dxfId="8" priority="5">
      <formula>LEN(TRIM(C139))=0</formula>
    </cfRule>
  </conditionalFormatting>
  <conditionalFormatting sqref="C147">
    <cfRule type="containsBlanks" dxfId="7" priority="4">
      <formula>LEN(TRIM(C147))=0</formula>
    </cfRule>
  </conditionalFormatting>
  <conditionalFormatting sqref="C156">
    <cfRule type="containsBlanks" dxfId="6" priority="3">
      <formula>LEN(TRIM(C156))=0</formula>
    </cfRule>
  </conditionalFormatting>
  <conditionalFormatting sqref="C164">
    <cfRule type="containsBlanks" dxfId="5" priority="2">
      <formula>LEN(TRIM(C164))=0</formula>
    </cfRule>
  </conditionalFormatting>
  <conditionalFormatting sqref="C172">
    <cfRule type="containsBlanks" dxfId="4" priority="1">
      <formula>LEN(TRIM(C172))=0</formula>
    </cfRule>
  </conditionalFormatting>
  <pageMargins left="0.7" right="0.7" top="0.97499999999999998" bottom="0.75" header="0.3" footer="0.3"/>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0" max="4" man="1"/>
    <brk id="168" max="4" man="1"/>
    <brk id="194"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4</xdr:row>
                    <xdr:rowOff>9525</xdr:rowOff>
                  </from>
                  <to>
                    <xdr:col>0</xdr:col>
                    <xdr:colOff>885825</xdr:colOff>
                    <xdr:row>4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5</xdr:row>
                    <xdr:rowOff>0</xdr:rowOff>
                  </from>
                  <to>
                    <xdr:col>0</xdr:col>
                    <xdr:colOff>885825</xdr:colOff>
                    <xdr:row>45</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R42"/>
  <sheetViews>
    <sheetView showGridLines="0" zoomScaleNormal="100" workbookViewId="0">
      <selection sqref="A1:P1"/>
    </sheetView>
  </sheetViews>
  <sheetFormatPr defaultRowHeight="12.75" x14ac:dyDescent="0.2"/>
  <cols>
    <col min="1" max="1" width="6.5703125" style="1" customWidth="1"/>
    <col min="2" max="2" width="6.7109375" style="1" customWidth="1"/>
    <col min="3" max="3" width="28.5703125" style="1" customWidth="1"/>
    <col min="4" max="4" width="9.7109375" style="8" customWidth="1"/>
    <col min="5" max="5" width="10.7109375" style="8" customWidth="1"/>
    <col min="6" max="6" width="2" style="55" customWidth="1"/>
    <col min="7" max="8" width="10.42578125" style="8" customWidth="1"/>
    <col min="9" max="9" width="11.140625" style="8" bestFit="1" customWidth="1"/>
    <col min="10" max="10" width="20.7109375" style="8" customWidth="1"/>
    <col min="11" max="11" width="15.7109375" style="8" customWidth="1"/>
    <col min="12" max="12" width="12.28515625" style="8" customWidth="1"/>
    <col min="13" max="13" width="15.7109375" style="51" customWidth="1"/>
    <col min="14" max="14" width="8.7109375" style="56" customWidth="1"/>
    <col min="15" max="15" width="12.42578125" style="57" customWidth="1"/>
    <col min="16" max="16" width="15.7109375" style="58" customWidth="1"/>
    <col min="17" max="17" width="2" style="1" customWidth="1"/>
    <col min="18" max="18" width="16.7109375" style="1" customWidth="1"/>
    <col min="19" max="16384" width="9.140625" style="1"/>
  </cols>
  <sheetData>
    <row r="1" spans="1:18" s="2" customFormat="1" ht="20.100000000000001" customHeight="1" x14ac:dyDescent="0.25">
      <c r="A1" s="244" t="s">
        <v>50</v>
      </c>
      <c r="B1" s="244"/>
      <c r="C1" s="244"/>
      <c r="D1" s="244"/>
      <c r="E1" s="244"/>
      <c r="F1" s="244"/>
      <c r="G1" s="244"/>
      <c r="H1" s="244"/>
      <c r="I1" s="244"/>
      <c r="J1" s="244"/>
      <c r="K1" s="244"/>
      <c r="L1" s="244"/>
      <c r="M1" s="244"/>
      <c r="N1" s="244"/>
      <c r="O1" s="244"/>
      <c r="P1" s="244"/>
    </row>
    <row r="2" spans="1:18" s="2" customFormat="1" x14ac:dyDescent="0.25">
      <c r="A2" s="21"/>
      <c r="B2" s="21"/>
      <c r="D2" s="6"/>
      <c r="E2" s="120"/>
      <c r="F2" s="11"/>
      <c r="G2" s="6"/>
      <c r="H2" s="120"/>
      <c r="I2" s="142"/>
      <c r="J2" s="120"/>
      <c r="K2" s="6"/>
      <c r="L2" s="6"/>
      <c r="M2" s="48"/>
      <c r="N2" s="49"/>
      <c r="O2" s="50"/>
      <c r="P2" s="51"/>
    </row>
    <row r="3" spans="1:18" s="2" customFormat="1" ht="20.100000000000001" customHeight="1" x14ac:dyDescent="0.2">
      <c r="A3" s="52" t="s">
        <v>51</v>
      </c>
      <c r="B3" s="52"/>
      <c r="D3" s="6"/>
      <c r="E3" s="120"/>
      <c r="F3" s="11"/>
      <c r="G3" s="6"/>
      <c r="H3" s="120"/>
      <c r="I3" s="142"/>
      <c r="J3" s="120"/>
      <c r="K3" s="6"/>
      <c r="L3" s="6"/>
      <c r="M3" s="48"/>
      <c r="N3" s="49"/>
      <c r="O3" s="50"/>
      <c r="P3" s="51"/>
    </row>
    <row r="4" spans="1:18" s="2" customFormat="1" ht="24.95" customHeight="1" x14ac:dyDescent="0.25">
      <c r="A4" s="96" t="s">
        <v>82</v>
      </c>
      <c r="B4" s="53"/>
      <c r="D4" s="6"/>
      <c r="E4" s="120"/>
      <c r="F4" s="11"/>
      <c r="G4" s="6"/>
      <c r="H4" s="120"/>
      <c r="I4" s="142"/>
      <c r="J4" s="120"/>
      <c r="K4" s="6"/>
      <c r="L4" s="6"/>
      <c r="M4" s="48"/>
      <c r="N4" s="49"/>
      <c r="O4" s="50"/>
      <c r="P4" s="51"/>
    </row>
    <row r="5" spans="1:18" s="2" customFormat="1" ht="13.5" thickBot="1" x14ac:dyDescent="0.3">
      <c r="A5" s="21"/>
      <c r="B5" s="21"/>
      <c r="D5" s="6"/>
      <c r="E5" s="120"/>
      <c r="F5" s="11"/>
      <c r="G5" s="6"/>
      <c r="H5" s="120"/>
      <c r="I5" s="142"/>
      <c r="J5" s="120"/>
      <c r="K5" s="6"/>
      <c r="L5" s="6"/>
      <c r="M5" s="48"/>
      <c r="N5" s="49"/>
      <c r="O5" s="50"/>
      <c r="P5" s="51"/>
      <c r="R5" s="136"/>
    </row>
    <row r="6" spans="1:18" s="27" customFormat="1" ht="72.75" thickBot="1" x14ac:dyDescent="0.3">
      <c r="A6" s="73" t="s">
        <v>52</v>
      </c>
      <c r="B6" s="245" t="s">
        <v>13</v>
      </c>
      <c r="C6" s="246"/>
      <c r="D6" s="74" t="s">
        <v>53</v>
      </c>
      <c r="E6" s="138" t="s">
        <v>247</v>
      </c>
      <c r="F6" s="54"/>
      <c r="G6" s="75" t="s">
        <v>329</v>
      </c>
      <c r="H6" s="76" t="s">
        <v>327</v>
      </c>
      <c r="I6" s="76" t="s">
        <v>330</v>
      </c>
      <c r="J6" s="76" t="s">
        <v>54</v>
      </c>
      <c r="K6" s="76" t="s">
        <v>55</v>
      </c>
      <c r="L6" s="76" t="s">
        <v>56</v>
      </c>
      <c r="M6" s="78" t="s">
        <v>248</v>
      </c>
      <c r="N6" s="77" t="s">
        <v>57</v>
      </c>
      <c r="O6" s="78" t="s">
        <v>58</v>
      </c>
      <c r="P6" s="79" t="s">
        <v>246</v>
      </c>
      <c r="R6" s="139" t="s">
        <v>333</v>
      </c>
    </row>
    <row r="7" spans="1:18" s="27" customFormat="1" ht="15.75" customHeight="1" thickBot="1" x14ac:dyDescent="0.3">
      <c r="A7" s="173" t="s">
        <v>16</v>
      </c>
      <c r="B7" s="251" t="s">
        <v>73</v>
      </c>
      <c r="C7" s="252"/>
      <c r="D7" s="174" t="s">
        <v>74</v>
      </c>
      <c r="E7" s="175" t="s">
        <v>75</v>
      </c>
      <c r="F7" s="54"/>
      <c r="G7" s="177" t="s">
        <v>76</v>
      </c>
      <c r="H7" s="178" t="s">
        <v>77</v>
      </c>
      <c r="I7" s="178" t="s">
        <v>78</v>
      </c>
      <c r="J7" s="178" t="s">
        <v>79</v>
      </c>
      <c r="K7" s="178" t="s">
        <v>80</v>
      </c>
      <c r="L7" s="178" t="s">
        <v>105</v>
      </c>
      <c r="M7" s="178" t="s">
        <v>81</v>
      </c>
      <c r="N7" s="178" t="s">
        <v>236</v>
      </c>
      <c r="O7" s="178" t="s">
        <v>237</v>
      </c>
      <c r="P7" s="175" t="s">
        <v>239</v>
      </c>
      <c r="R7" s="176" t="s">
        <v>331</v>
      </c>
    </row>
    <row r="8" spans="1:18" s="2" customFormat="1" ht="24.95" customHeight="1" x14ac:dyDescent="0.25">
      <c r="A8" s="59" t="s">
        <v>16</v>
      </c>
      <c r="B8" s="249" t="s">
        <v>95</v>
      </c>
      <c r="C8" s="250"/>
      <c r="D8" s="106" t="s">
        <v>1</v>
      </c>
      <c r="E8" s="137">
        <v>12800</v>
      </c>
      <c r="F8" s="134"/>
      <c r="G8" s="158"/>
      <c r="H8" s="155"/>
      <c r="I8" s="167">
        <f>G8*H8</f>
        <v>0</v>
      </c>
      <c r="J8" s="129"/>
      <c r="K8" s="109"/>
      <c r="L8" s="109"/>
      <c r="M8" s="144"/>
      <c r="N8" s="111"/>
      <c r="O8" s="110"/>
      <c r="P8" s="147"/>
      <c r="R8" s="152"/>
    </row>
    <row r="9" spans="1:18" s="2" customFormat="1" ht="24.95" customHeight="1" x14ac:dyDescent="0.25">
      <c r="A9" s="60" t="s">
        <v>73</v>
      </c>
      <c r="B9" s="243" t="s">
        <v>96</v>
      </c>
      <c r="C9" s="223"/>
      <c r="D9" s="107" t="s">
        <v>1</v>
      </c>
      <c r="E9" s="137">
        <v>2700</v>
      </c>
      <c r="F9" s="134"/>
      <c r="G9" s="159"/>
      <c r="H9" s="156"/>
      <c r="I9" s="168">
        <f t="shared" ref="I9:I22" si="0">G9*H9</f>
        <v>0</v>
      </c>
      <c r="J9" s="130"/>
      <c r="K9" s="112"/>
      <c r="L9" s="112"/>
      <c r="M9" s="145"/>
      <c r="N9" s="114"/>
      <c r="O9" s="113"/>
      <c r="P9" s="148"/>
      <c r="R9" s="153"/>
    </row>
    <row r="10" spans="1:18" s="2" customFormat="1" ht="24.95" customHeight="1" x14ac:dyDescent="0.25">
      <c r="A10" s="60" t="s">
        <v>74</v>
      </c>
      <c r="B10" s="243" t="s">
        <v>97</v>
      </c>
      <c r="C10" s="223"/>
      <c r="D10" s="107" t="s">
        <v>1</v>
      </c>
      <c r="E10" s="137">
        <v>3250</v>
      </c>
      <c r="F10" s="11"/>
      <c r="G10" s="159"/>
      <c r="H10" s="156"/>
      <c r="I10" s="168">
        <f>G10*H10</f>
        <v>0</v>
      </c>
      <c r="J10" s="130"/>
      <c r="K10" s="112"/>
      <c r="L10" s="112"/>
      <c r="M10" s="145"/>
      <c r="N10" s="114"/>
      <c r="O10" s="113"/>
      <c r="P10" s="148"/>
      <c r="R10" s="153"/>
    </row>
    <row r="11" spans="1:18" s="2" customFormat="1" ht="24.95" customHeight="1" x14ac:dyDescent="0.25">
      <c r="A11" s="60" t="s">
        <v>75</v>
      </c>
      <c r="B11" s="243" t="s">
        <v>98</v>
      </c>
      <c r="C11" s="223"/>
      <c r="D11" s="107" t="s">
        <v>1</v>
      </c>
      <c r="E11" s="137">
        <v>44240</v>
      </c>
      <c r="F11" s="11"/>
      <c r="G11" s="159"/>
      <c r="H11" s="156"/>
      <c r="I11" s="168">
        <f t="shared" si="0"/>
        <v>0</v>
      </c>
      <c r="J11" s="130"/>
      <c r="K11" s="112"/>
      <c r="L11" s="112"/>
      <c r="M11" s="145"/>
      <c r="N11" s="114"/>
      <c r="O11" s="113"/>
      <c r="P11" s="148"/>
      <c r="R11" s="153"/>
    </row>
    <row r="12" spans="1:18" s="2" customFormat="1" ht="24.95" customHeight="1" x14ac:dyDescent="0.25">
      <c r="A12" s="60" t="s">
        <v>76</v>
      </c>
      <c r="B12" s="243" t="s">
        <v>99</v>
      </c>
      <c r="C12" s="223"/>
      <c r="D12" s="107" t="s">
        <v>1</v>
      </c>
      <c r="E12" s="137">
        <v>900</v>
      </c>
      <c r="F12" s="11"/>
      <c r="G12" s="159"/>
      <c r="H12" s="156"/>
      <c r="I12" s="168">
        <f t="shared" si="0"/>
        <v>0</v>
      </c>
      <c r="J12" s="130"/>
      <c r="K12" s="112"/>
      <c r="L12" s="112"/>
      <c r="M12" s="145"/>
      <c r="N12" s="114"/>
      <c r="O12" s="113"/>
      <c r="P12" s="148"/>
      <c r="R12" s="153"/>
    </row>
    <row r="13" spans="1:18" s="2" customFormat="1" ht="24.95" customHeight="1" x14ac:dyDescent="0.25">
      <c r="A13" s="60" t="s">
        <v>77</v>
      </c>
      <c r="B13" s="243" t="s">
        <v>100</v>
      </c>
      <c r="C13" s="223"/>
      <c r="D13" s="107" t="s">
        <v>1</v>
      </c>
      <c r="E13" s="137">
        <v>5720</v>
      </c>
      <c r="F13" s="134"/>
      <c r="G13" s="159"/>
      <c r="H13" s="156"/>
      <c r="I13" s="168">
        <f t="shared" si="0"/>
        <v>0</v>
      </c>
      <c r="J13" s="130"/>
      <c r="K13" s="112"/>
      <c r="L13" s="112"/>
      <c r="M13" s="145"/>
      <c r="N13" s="114"/>
      <c r="O13" s="113"/>
      <c r="P13" s="148"/>
      <c r="R13" s="153"/>
    </row>
    <row r="14" spans="1:18" s="2" customFormat="1" ht="24.95" customHeight="1" x14ac:dyDescent="0.25">
      <c r="A14" s="60" t="s">
        <v>78</v>
      </c>
      <c r="B14" s="243" t="s">
        <v>101</v>
      </c>
      <c r="C14" s="223"/>
      <c r="D14" s="107" t="s">
        <v>1</v>
      </c>
      <c r="E14" s="137">
        <v>88975</v>
      </c>
      <c r="F14" s="134"/>
      <c r="G14" s="159"/>
      <c r="H14" s="156"/>
      <c r="I14" s="168">
        <f t="shared" si="0"/>
        <v>0</v>
      </c>
      <c r="J14" s="130"/>
      <c r="K14" s="112"/>
      <c r="L14" s="112"/>
      <c r="M14" s="145"/>
      <c r="N14" s="114"/>
      <c r="O14" s="113"/>
      <c r="P14" s="148"/>
      <c r="R14" s="153"/>
    </row>
    <row r="15" spans="1:18" s="2" customFormat="1" ht="24.95" customHeight="1" x14ac:dyDescent="0.25">
      <c r="A15" s="60" t="s">
        <v>79</v>
      </c>
      <c r="B15" s="243" t="s">
        <v>102</v>
      </c>
      <c r="C15" s="223"/>
      <c r="D15" s="107" t="s">
        <v>1</v>
      </c>
      <c r="E15" s="137">
        <v>6175</v>
      </c>
      <c r="F15" s="134"/>
      <c r="G15" s="159"/>
      <c r="H15" s="156"/>
      <c r="I15" s="168">
        <f t="shared" si="0"/>
        <v>0</v>
      </c>
      <c r="J15" s="130"/>
      <c r="K15" s="112"/>
      <c r="L15" s="112"/>
      <c r="M15" s="145"/>
      <c r="N15" s="114"/>
      <c r="O15" s="113"/>
      <c r="P15" s="148"/>
      <c r="R15" s="153"/>
    </row>
    <row r="16" spans="1:18" s="2" customFormat="1" ht="24.95" customHeight="1" x14ac:dyDescent="0.25">
      <c r="A16" s="60" t="s">
        <v>80</v>
      </c>
      <c r="B16" s="243" t="s">
        <v>308</v>
      </c>
      <c r="C16" s="223"/>
      <c r="D16" s="107" t="s">
        <v>1</v>
      </c>
      <c r="E16" s="137">
        <v>24000</v>
      </c>
      <c r="F16" s="134"/>
      <c r="G16" s="159"/>
      <c r="H16" s="156"/>
      <c r="I16" s="168">
        <f t="shared" si="0"/>
        <v>0</v>
      </c>
      <c r="J16" s="130"/>
      <c r="K16" s="112"/>
      <c r="L16" s="112"/>
      <c r="M16" s="145"/>
      <c r="N16" s="114"/>
      <c r="O16" s="113"/>
      <c r="P16" s="148"/>
      <c r="R16" s="153"/>
    </row>
    <row r="17" spans="1:18" s="2" customFormat="1" ht="24.95" customHeight="1" x14ac:dyDescent="0.25">
      <c r="A17" s="60" t="s">
        <v>305</v>
      </c>
      <c r="B17" s="243" t="s">
        <v>309</v>
      </c>
      <c r="C17" s="223"/>
      <c r="D17" s="143" t="s">
        <v>1</v>
      </c>
      <c r="E17" s="137">
        <v>5000</v>
      </c>
      <c r="F17" s="134"/>
      <c r="G17" s="159"/>
      <c r="H17" s="156"/>
      <c r="I17" s="168">
        <f t="shared" si="0"/>
        <v>0</v>
      </c>
      <c r="J17" s="130"/>
      <c r="K17" s="112"/>
      <c r="L17" s="112"/>
      <c r="M17" s="145"/>
      <c r="N17" s="114"/>
      <c r="O17" s="113"/>
      <c r="P17" s="148"/>
      <c r="R17" s="153"/>
    </row>
    <row r="18" spans="1:18" s="2" customFormat="1" ht="24.95" customHeight="1" x14ac:dyDescent="0.25">
      <c r="A18" s="60" t="s">
        <v>306</v>
      </c>
      <c r="B18" s="243" t="s">
        <v>310</v>
      </c>
      <c r="C18" s="223"/>
      <c r="D18" s="143" t="s">
        <v>1</v>
      </c>
      <c r="E18" s="137">
        <v>5000</v>
      </c>
      <c r="F18" s="134"/>
      <c r="G18" s="159"/>
      <c r="H18" s="156"/>
      <c r="I18" s="168">
        <f t="shared" si="0"/>
        <v>0</v>
      </c>
      <c r="J18" s="130"/>
      <c r="K18" s="112"/>
      <c r="L18" s="112"/>
      <c r="M18" s="145"/>
      <c r="N18" s="114"/>
      <c r="O18" s="113"/>
      <c r="P18" s="148"/>
      <c r="R18" s="153"/>
    </row>
    <row r="19" spans="1:18" s="2" customFormat="1" ht="24.95" customHeight="1" x14ac:dyDescent="0.25">
      <c r="A19" s="60" t="s">
        <v>307</v>
      </c>
      <c r="B19" s="243" t="s">
        <v>303</v>
      </c>
      <c r="C19" s="223"/>
      <c r="D19" s="143" t="s">
        <v>1</v>
      </c>
      <c r="E19" s="137">
        <v>5000</v>
      </c>
      <c r="F19" s="134"/>
      <c r="G19" s="159"/>
      <c r="H19" s="156"/>
      <c r="I19" s="168">
        <f t="shared" si="0"/>
        <v>0</v>
      </c>
      <c r="J19" s="130"/>
      <c r="K19" s="112"/>
      <c r="L19" s="112"/>
      <c r="M19" s="145"/>
      <c r="N19" s="114"/>
      <c r="O19" s="113"/>
      <c r="P19" s="148"/>
      <c r="R19" s="153"/>
    </row>
    <row r="20" spans="1:18" s="2" customFormat="1" ht="24.95" customHeight="1" x14ac:dyDescent="0.25">
      <c r="A20" s="60">
        <v>13</v>
      </c>
      <c r="B20" s="243" t="s">
        <v>304</v>
      </c>
      <c r="C20" s="223"/>
      <c r="D20" s="143" t="s">
        <v>1</v>
      </c>
      <c r="E20" s="137">
        <v>30000</v>
      </c>
      <c r="F20" s="134"/>
      <c r="G20" s="159"/>
      <c r="H20" s="156"/>
      <c r="I20" s="168">
        <f t="shared" si="0"/>
        <v>0</v>
      </c>
      <c r="J20" s="130"/>
      <c r="K20" s="112"/>
      <c r="L20" s="112"/>
      <c r="M20" s="145"/>
      <c r="N20" s="114"/>
      <c r="O20" s="113"/>
      <c r="P20" s="148"/>
      <c r="R20" s="153"/>
    </row>
    <row r="21" spans="1:18" s="2" customFormat="1" ht="24.95" customHeight="1" x14ac:dyDescent="0.25">
      <c r="A21" s="60">
        <v>14</v>
      </c>
      <c r="B21" s="243" t="s">
        <v>104</v>
      </c>
      <c r="C21" s="223"/>
      <c r="D21" s="107" t="s">
        <v>1</v>
      </c>
      <c r="E21" s="137">
        <v>17000</v>
      </c>
      <c r="F21" s="11"/>
      <c r="G21" s="159"/>
      <c r="H21" s="156"/>
      <c r="I21" s="168">
        <f t="shared" si="0"/>
        <v>0</v>
      </c>
      <c r="J21" s="130"/>
      <c r="K21" s="112"/>
      <c r="L21" s="112"/>
      <c r="M21" s="145"/>
      <c r="N21" s="114"/>
      <c r="O21" s="113"/>
      <c r="P21" s="148"/>
      <c r="R21" s="153"/>
    </row>
    <row r="22" spans="1:18" s="2" customFormat="1" ht="24.95" customHeight="1" thickBot="1" x14ac:dyDescent="0.3">
      <c r="A22" s="86">
        <v>15</v>
      </c>
      <c r="B22" s="247" t="s">
        <v>103</v>
      </c>
      <c r="C22" s="248"/>
      <c r="D22" s="108" t="s">
        <v>1</v>
      </c>
      <c r="E22" s="137">
        <v>10000</v>
      </c>
      <c r="F22" s="134"/>
      <c r="G22" s="160"/>
      <c r="H22" s="157"/>
      <c r="I22" s="169">
        <f t="shared" si="0"/>
        <v>0</v>
      </c>
      <c r="J22" s="131"/>
      <c r="K22" s="87"/>
      <c r="L22" s="87"/>
      <c r="M22" s="146"/>
      <c r="N22" s="88"/>
      <c r="O22" s="89"/>
      <c r="P22" s="149"/>
      <c r="R22" s="154"/>
    </row>
    <row r="23" spans="1:18" x14ac:dyDescent="0.2">
      <c r="E23" s="135"/>
      <c r="H23" s="135"/>
      <c r="I23" s="150"/>
    </row>
    <row r="24" spans="1:18" ht="111" customHeight="1" x14ac:dyDescent="0.2">
      <c r="A24" s="242" t="s">
        <v>332</v>
      </c>
      <c r="B24" s="242"/>
      <c r="C24" s="242"/>
      <c r="D24" s="242"/>
      <c r="E24" s="242"/>
      <c r="F24" s="242"/>
      <c r="G24" s="242"/>
      <c r="H24" s="242"/>
      <c r="I24" s="242"/>
      <c r="J24" s="242"/>
      <c r="K24" s="242"/>
      <c r="L24" s="242"/>
      <c r="M24" s="242"/>
      <c r="N24" s="242"/>
      <c r="O24" s="242"/>
      <c r="P24" s="242"/>
      <c r="Q24" s="242"/>
      <c r="R24" s="242"/>
    </row>
    <row r="25" spans="1:18" ht="29.25" customHeight="1" x14ac:dyDescent="0.2">
      <c r="A25" s="121"/>
      <c r="B25" s="121"/>
      <c r="C25" s="121"/>
      <c r="D25" s="121"/>
      <c r="E25" s="121"/>
      <c r="F25" s="121"/>
      <c r="G25" s="121"/>
      <c r="H25" s="121"/>
      <c r="I25" s="141"/>
      <c r="J25" s="121"/>
      <c r="K25" s="121"/>
      <c r="L25" s="121"/>
      <c r="M25" s="121"/>
      <c r="N25" s="121"/>
      <c r="O25" s="121"/>
      <c r="P25" s="121"/>
    </row>
    <row r="26" spans="1:18" ht="24.95" customHeight="1" x14ac:dyDescent="0.2">
      <c r="B26" s="63" t="s">
        <v>65</v>
      </c>
      <c r="C26" s="140"/>
      <c r="D26" s="140"/>
      <c r="E26" s="140"/>
      <c r="F26" s="1"/>
      <c r="G26" s="1"/>
      <c r="H26" s="1"/>
      <c r="I26" s="1"/>
      <c r="J26" s="1"/>
      <c r="K26" s="1"/>
      <c r="L26" s="1"/>
      <c r="M26" s="1"/>
      <c r="N26" s="1"/>
      <c r="O26" s="1"/>
      <c r="P26" s="1"/>
    </row>
    <row r="27" spans="1:18" ht="24.95" customHeight="1" x14ac:dyDescent="0.2">
      <c r="B27" s="63" t="s">
        <v>63</v>
      </c>
      <c r="C27" s="140"/>
      <c r="D27" s="140"/>
      <c r="E27" s="140"/>
      <c r="F27" s="1"/>
      <c r="G27" s="1"/>
      <c r="H27" s="1"/>
      <c r="I27" s="1"/>
      <c r="J27" s="1"/>
      <c r="K27" s="1"/>
      <c r="L27" s="1"/>
      <c r="M27" s="1"/>
      <c r="N27" s="1"/>
      <c r="O27" s="1"/>
      <c r="P27" s="1"/>
    </row>
    <row r="28" spans="1:18" ht="24.95" customHeight="1" x14ac:dyDescent="0.2">
      <c r="C28" s="132"/>
      <c r="D28" s="132"/>
      <c r="E28" s="132"/>
      <c r="F28" s="1"/>
      <c r="G28" s="1"/>
      <c r="H28" s="1"/>
      <c r="I28" s="1"/>
      <c r="J28" s="1"/>
      <c r="K28" s="1"/>
      <c r="L28" s="1"/>
      <c r="M28" s="1"/>
      <c r="N28" s="1"/>
      <c r="O28" s="1"/>
      <c r="P28" s="1"/>
    </row>
    <row r="29" spans="1:18" s="14" customFormat="1" ht="20.100000000000001" customHeight="1" x14ac:dyDescent="0.25">
      <c r="B29" s="63" t="s">
        <v>44</v>
      </c>
      <c r="C29" s="140"/>
      <c r="D29" s="140"/>
      <c r="E29" s="140"/>
    </row>
    <row r="30" spans="1:18" s="14" customFormat="1" ht="20.100000000000001" customHeight="1" x14ac:dyDescent="0.25">
      <c r="B30" s="63" t="s">
        <v>46</v>
      </c>
      <c r="C30" s="133"/>
      <c r="D30" s="140"/>
      <c r="E30" s="140"/>
      <c r="O30" s="62" t="s">
        <v>45</v>
      </c>
      <c r="P30" s="117"/>
    </row>
    <row r="31" spans="1:18" ht="5.25" customHeight="1" x14ac:dyDescent="0.25">
      <c r="K31" s="1"/>
      <c r="L31" s="1"/>
      <c r="M31" s="1"/>
      <c r="N31" s="1"/>
      <c r="O31" s="24"/>
      <c r="P31" s="45"/>
    </row>
    <row r="32" spans="1:18" ht="20.100000000000001" customHeight="1" x14ac:dyDescent="0.2">
      <c r="K32" s="1"/>
      <c r="L32" s="1"/>
      <c r="M32" s="1"/>
      <c r="N32" s="1"/>
      <c r="O32" s="63" t="s">
        <v>47</v>
      </c>
      <c r="P32" s="118"/>
    </row>
    <row r="33" spans="4:16" ht="20.100000000000001" customHeight="1" x14ac:dyDescent="0.2">
      <c r="E33" s="1"/>
      <c r="F33" s="1"/>
      <c r="G33" s="1"/>
      <c r="H33" s="1"/>
      <c r="I33" s="1"/>
      <c r="J33" s="1"/>
      <c r="M33" s="1"/>
      <c r="N33" s="1"/>
      <c r="O33" s="63" t="s">
        <v>48</v>
      </c>
      <c r="P33" s="119"/>
    </row>
    <row r="34" spans="4:16" x14ac:dyDescent="0.2">
      <c r="E34" s="1"/>
      <c r="F34" s="1"/>
      <c r="G34" s="1"/>
      <c r="H34" s="1"/>
      <c r="I34" s="1"/>
      <c r="J34" s="1"/>
      <c r="M34" s="1"/>
      <c r="N34" s="1"/>
      <c r="O34" s="64" t="s">
        <v>49</v>
      </c>
      <c r="P34" s="1"/>
    </row>
    <row r="35" spans="4:16" x14ac:dyDescent="0.2">
      <c r="E35" s="1"/>
      <c r="F35" s="1"/>
      <c r="G35" s="1"/>
      <c r="H35" s="1"/>
      <c r="I35" s="1"/>
      <c r="J35" s="1"/>
      <c r="M35" s="1"/>
      <c r="N35" s="1"/>
      <c r="O35" s="1"/>
    </row>
    <row r="38" spans="4:16" x14ac:dyDescent="0.2">
      <c r="D38" s="1"/>
      <c r="E38" s="1"/>
      <c r="F38" s="1"/>
      <c r="G38" s="61"/>
      <c r="H38" s="61"/>
      <c r="I38" s="61"/>
      <c r="J38" s="61"/>
      <c r="K38" s="61"/>
      <c r="L38" s="1"/>
      <c r="M38" s="1"/>
      <c r="N38" s="1"/>
      <c r="O38" s="1"/>
      <c r="P38" s="1"/>
    </row>
    <row r="39" spans="4:16" x14ac:dyDescent="0.2">
      <c r="D39" s="1"/>
      <c r="E39" s="1"/>
      <c r="F39" s="1"/>
      <c r="G39" s="71"/>
      <c r="H39" s="71"/>
      <c r="I39" s="71"/>
      <c r="J39" s="71"/>
      <c r="K39" s="71"/>
      <c r="L39" s="1"/>
      <c r="M39" s="1"/>
      <c r="N39" s="1"/>
      <c r="O39" s="1"/>
      <c r="P39" s="1"/>
    </row>
    <row r="40" spans="4:16" x14ac:dyDescent="0.2">
      <c r="D40" s="1"/>
      <c r="E40" s="1"/>
      <c r="F40" s="1"/>
      <c r="G40" s="71"/>
      <c r="H40" s="71"/>
      <c r="I40" s="71"/>
      <c r="J40" s="71"/>
      <c r="K40" s="71"/>
      <c r="L40" s="1"/>
      <c r="M40" s="1"/>
      <c r="N40" s="1"/>
      <c r="O40" s="1"/>
      <c r="P40" s="1"/>
    </row>
    <row r="41" spans="4:16" x14ac:dyDescent="0.2">
      <c r="D41" s="1"/>
      <c r="E41" s="1"/>
      <c r="F41" s="1"/>
      <c r="G41" s="71"/>
      <c r="H41" s="71"/>
      <c r="I41" s="71"/>
      <c r="J41" s="71"/>
      <c r="K41" s="71"/>
      <c r="L41" s="1"/>
      <c r="M41" s="1"/>
      <c r="N41" s="1"/>
      <c r="O41" s="1"/>
      <c r="P41" s="1"/>
    </row>
    <row r="42" spans="4:16" x14ac:dyDescent="0.2">
      <c r="D42" s="1"/>
      <c r="E42" s="1"/>
      <c r="F42" s="1"/>
      <c r="G42" s="71"/>
      <c r="H42" s="71"/>
      <c r="I42" s="71"/>
      <c r="J42" s="71"/>
      <c r="K42" s="71"/>
      <c r="L42" s="1"/>
      <c r="M42" s="1"/>
      <c r="N42" s="1"/>
      <c r="O42" s="1"/>
      <c r="P42" s="1"/>
    </row>
  </sheetData>
  <mergeCells count="19">
    <mergeCell ref="A1:P1"/>
    <mergeCell ref="B6:C6"/>
    <mergeCell ref="B22:C22"/>
    <mergeCell ref="B8:C8"/>
    <mergeCell ref="B9:C9"/>
    <mergeCell ref="B15:C15"/>
    <mergeCell ref="B16:C16"/>
    <mergeCell ref="B21:C21"/>
    <mergeCell ref="B10:C10"/>
    <mergeCell ref="B11:C11"/>
    <mergeCell ref="B12:C12"/>
    <mergeCell ref="B13:C13"/>
    <mergeCell ref="B14:C14"/>
    <mergeCell ref="B7:C7"/>
    <mergeCell ref="A24:R24"/>
    <mergeCell ref="B17:C17"/>
    <mergeCell ref="B18:C18"/>
    <mergeCell ref="B19:C19"/>
    <mergeCell ref="B20:C20"/>
  </mergeCells>
  <conditionalFormatting sqref="P32">
    <cfRule type="containsBlanks" dxfId="3" priority="20">
      <formula>LEN(TRIM(P32))=0</formula>
    </cfRule>
  </conditionalFormatting>
  <conditionalFormatting sqref="P33">
    <cfRule type="containsBlanks" dxfId="2" priority="19">
      <formula>LEN(TRIM(P33))=0</formula>
    </cfRule>
  </conditionalFormatting>
  <conditionalFormatting sqref="C26:C27">
    <cfRule type="containsBlanks" dxfId="1" priority="21">
      <formula>LEN(TRIM(C26))=0</formula>
    </cfRule>
  </conditionalFormatting>
  <conditionalFormatting sqref="C29:C30">
    <cfRule type="containsBlanks" dxfId="0" priority="1">
      <formula>LEN(TRIM(C29))=0</formula>
    </cfRule>
  </conditionalFormatting>
  <pageMargins left="0.70866141732283472" right="0.70866141732283472" top="0.98124999999999996" bottom="0.74803149606299213" header="0.31496062992125984" footer="0.31496062992125984"/>
  <pageSetup paperSize="9" scale="55" orientation="landscape" r:id="rId1"/>
  <headerFooter>
    <oddHeader>&amp;C&amp;"Arial,Normálne"&amp;16CENOVÁ PONUKA&amp;11
&amp;14pre účel
prípravnej trhovej konzultácia a predbežného zapojenia záujemcov alebo uchádzačov (ďalej aj "PTK")</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Cenová ponuka</vt:lpstr>
      <vt:lpstr>Príloha č. 1</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ovalíková Lenka</cp:lastModifiedBy>
  <cp:lastPrinted>2020-06-05T11:53:10Z</cp:lastPrinted>
  <dcterms:created xsi:type="dcterms:W3CDTF">2017-04-21T05:51:15Z</dcterms:created>
  <dcterms:modified xsi:type="dcterms:W3CDTF">2020-06-05T11:54:05Z</dcterms:modified>
</cp:coreProperties>
</file>